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2 - 2023 - 339. (Príprava) 3D elektromagnetický mapovací\03. Príprava\04. PTK\01. Odoslanie PTK\"/>
    </mc:Choice>
  </mc:AlternateContent>
  <bookViews>
    <workbookView xWindow="0" yWindow="0" windowWidth="23040" windowHeight="9195"/>
  </bookViews>
  <sheets>
    <sheet name="Cenová ponuka" sheetId="8" r:id="rId1"/>
  </sheets>
  <definedNames>
    <definedName name="_xlnm.Print_Area" localSheetId="0">'Cenová ponuka'!$B$1:$I$28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4" uniqueCount="40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1</t>
  </si>
  <si>
    <t>2.2</t>
  </si>
  <si>
    <t>7.</t>
  </si>
  <si>
    <t>12.</t>
  </si>
  <si>
    <t>13.</t>
  </si>
  <si>
    <t>15.</t>
  </si>
  <si>
    <t>17.</t>
  </si>
  <si>
    <t>18.</t>
  </si>
  <si>
    <t>19.</t>
  </si>
  <si>
    <t>20.</t>
  </si>
  <si>
    <t>22.</t>
  </si>
  <si>
    <t>23.</t>
  </si>
  <si>
    <t>2.3</t>
  </si>
  <si>
    <t>2.4</t>
  </si>
  <si>
    <t>2.5</t>
  </si>
  <si>
    <t>2.6</t>
  </si>
  <si>
    <t>24.</t>
  </si>
  <si>
    <t>25.</t>
  </si>
  <si>
    <t>Kalkulácia ceny a návrh na plnenie kritéria na vyhodnotenie ponúk - Štruktúrovaný rozpočet ceny predmetu zákazky</t>
  </si>
  <si>
    <t>50421000-2   Opravy a údržba lekárskych zariadení</t>
  </si>
  <si>
    <t>Položka č. 2</t>
  </si>
  <si>
    <t>mesiac</t>
  </si>
  <si>
    <t>26.</t>
  </si>
  <si>
    <t>27.</t>
  </si>
  <si>
    <t>28.</t>
  </si>
  <si>
    <t>29.</t>
  </si>
  <si>
    <t>30.</t>
  </si>
  <si>
    <t>31.</t>
  </si>
  <si>
    <t>32.</t>
  </si>
  <si>
    <t>34.</t>
  </si>
  <si>
    <t>35.</t>
  </si>
  <si>
    <t>36.</t>
  </si>
  <si>
    <t>38.</t>
  </si>
  <si>
    <t>39.</t>
  </si>
  <si>
    <t>40.</t>
  </si>
  <si>
    <t>41.</t>
  </si>
  <si>
    <t>42.</t>
  </si>
  <si>
    <t>43.</t>
  </si>
  <si>
    <t>44.</t>
  </si>
  <si>
    <t>2.1.</t>
  </si>
  <si>
    <t>2.2.</t>
  </si>
  <si>
    <t>2.3.</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v prípade vykonania opravy, na ktorú Objednávateľ Dodávateľa vopred upozorní, bola oprava vykonaná nasledovne:</t>
  </si>
  <si>
    <t>21.</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 xml:space="preserve">V prípade, ak Objednávateľ na základe prieskumu trhu zistí, že: </t>
  </si>
  <si>
    <t>33.</t>
  </si>
  <si>
    <t>3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5.</t>
  </si>
  <si>
    <t>46.</t>
  </si>
  <si>
    <t>47.</t>
  </si>
  <si>
    <t>48.</t>
  </si>
  <si>
    <t>V prípade, ak sa na predmet zákazky vykonala prípravná trhová konzultácia, informácie k prípravnej trhovej konzultácie verejný obstarávateľ zverejňuje na internetovej stránke: www.vusch.sk/verejne-obstaravanie/</t>
  </si>
  <si>
    <t>xxx</t>
  </si>
  <si>
    <t>3D elektromagnetický mapovací a ablačný systém vrátane pozáručného servisu</t>
  </si>
  <si>
    <t>3D elektromagnetický mapovací a ablačný systém vrátane pozáručného servisu.</t>
  </si>
  <si>
    <t>Položka č. 3</t>
  </si>
  <si>
    <t>Položka č. 4</t>
  </si>
  <si>
    <t>3D mapovací systém</t>
  </si>
  <si>
    <t>Prenosný videopupiloalgeziometer</t>
  </si>
  <si>
    <t>Katéter</t>
  </si>
  <si>
    <t>Položka č. 1 - 3D mapovací systém</t>
  </si>
  <si>
    <t>Merná jednotka</t>
  </si>
  <si>
    <t>Min.</t>
  </si>
  <si>
    <t>Max.</t>
  </si>
  <si>
    <t>3D elektromagnetický mapovací a ablačný systém s príslušenstvom pre elektrofyziologické zákroky na srdci pri liečbe srdcových arytmií, kompatibilný s katétrami osadenými mini elektródami zaznamenávajúcimi intrakardiálne elektrogramy, snímajúcimi lokálne impedancie a teplotu v reálnom čase pre zabezpečenie kontaktu so srdcovým tkanivom a zvýšenie bezpečnosti zákroku, s možnosťou využitia rádiofrekvenčnej energie (RF) alebo energie pulzného poľa (PF) pre tvorbu ablačných lézií, so zmenou požadovaného druhu energie kedykoľvek počas zákroku.</t>
  </si>
  <si>
    <t>Súčasťou mapovacieho a ablačného systému musí byť:</t>
  </si>
  <si>
    <t xml:space="preserve">jednotka rozhrania katétra, </t>
  </si>
  <si>
    <t xml:space="preserve">mapovací softvér, </t>
  </si>
  <si>
    <t xml:space="preserve">generátor magnetického poľa, </t>
  </si>
  <si>
    <t xml:space="preserve">pracovná stanica, </t>
  </si>
  <si>
    <t xml:space="preserve">generátor rádiofrekvenčnej energie (RF),  </t>
  </si>
  <si>
    <t xml:space="preserve">generátor energie pulzného poľa (PF), </t>
  </si>
  <si>
    <t>2.7</t>
  </si>
  <si>
    <t>preplachová pumpa a systémový vozík.</t>
  </si>
  <si>
    <t xml:space="preserve">Rozsah impedancie generátora RF v prevádzkovom režime </t>
  </si>
  <si>
    <t>Ω</t>
  </si>
  <si>
    <t>Výstupné napätie generátora RF</t>
  </si>
  <si>
    <t>VRMS</t>
  </si>
  <si>
    <t>Výstupný prúd generátora RF</t>
  </si>
  <si>
    <t>Napájanie generátora RF</t>
  </si>
  <si>
    <t>100-240 VAC, 50/60 Hz, 1200 VA</t>
  </si>
  <si>
    <t>Váha generátora RF</t>
  </si>
  <si>
    <t>Kg</t>
  </si>
  <si>
    <t>-</t>
  </si>
  <si>
    <t>Výstupné napätie generátora PF</t>
  </si>
  <si>
    <t>Vpeak</t>
  </si>
  <si>
    <t>Výstupný prúd generátora PF</t>
  </si>
  <si>
    <t>A</t>
  </si>
  <si>
    <t xml:space="preserve">Rozsah impedancie generátora PF v prevádzkovom režime </t>
  </si>
  <si>
    <t>Napájanie generátora PF</t>
  </si>
  <si>
    <t>100-240 VAC, 50/60 Hz, 300 VA</t>
  </si>
  <si>
    <t>Váha generátora PF</t>
  </si>
  <si>
    <t>13</t>
  </si>
  <si>
    <t>Rozsah prietoku preplachovej pumpy</t>
  </si>
  <si>
    <t>mL/min</t>
  </si>
  <si>
    <t xml:space="preserve">Detekcia bublín v preplachu </t>
  </si>
  <si>
    <t>μL</t>
  </si>
  <si>
    <t>≥2</t>
  </si>
  <si>
    <t>Váha preplachovej pumpy</t>
  </si>
  <si>
    <t>Napájanie preplachovej pumpy</t>
  </si>
  <si>
    <t>100-240 VAC, 50/60 Hz, 150 VA</t>
  </si>
  <si>
    <t xml:space="preserve">Nosnosť systémového vozíka </t>
  </si>
  <si>
    <t>3D elektromagnetický mapovací a ablačný systém s možnoťou využitia rádiofrekvenčnej energie (RF) a energie pulzného poľa (PF) pre abláciu srdcového tkaniva vrátane príslušenstva</t>
  </si>
  <si>
    <t>Systém pozostáva z nasledovných hlavných súčastí:</t>
  </si>
  <si>
    <t>19.1</t>
  </si>
  <si>
    <t xml:space="preserve">Jednotka rozhrania katétra, </t>
  </si>
  <si>
    <t>19.2</t>
  </si>
  <si>
    <t>19.3</t>
  </si>
  <si>
    <t>19.4</t>
  </si>
  <si>
    <t xml:space="preserve">pracovná stanica s myšou a klávesnicou, </t>
  </si>
  <si>
    <t>19.5</t>
  </si>
  <si>
    <t>káble a príslušenstvo</t>
  </si>
  <si>
    <t>Generátor rádiofrekvenčnej energie (RF) vrátanie nožného pedálu a diaľkového ovládača s dotykovou obrazovkou.</t>
  </si>
  <si>
    <t>Generátor energie pulzného poľa (PF).</t>
  </si>
  <si>
    <t>Preplachová pumpa.</t>
  </si>
  <si>
    <t>Možnosť mapovania, aplikácie rádiofrekvenčnej energie (RF) aj energie pulzného poľa (PF) pomocou kompatibilného katétra so stlačitelnou mriežkovanou nitinolovou špičkou s mini elektródami.</t>
  </si>
  <si>
    <t>Možnosť výberu medzi rádiofrekvenčnou energiou (RF) alebo energiou pulzného poľa (PF) kedykoľvek počas zákroku.</t>
  </si>
  <si>
    <t>Možnosť tvorby anatomických, napäťových alebo aktivačných máp jednotlivých srdcových oddielov a okolitých štruktúr.</t>
  </si>
  <si>
    <t>Možnosť unipolárneho HD mapovania s vysokou hustotou bodov .</t>
  </si>
  <si>
    <t>Možnosť nastavenia automatického mapovania a anotácie bodov.</t>
  </si>
  <si>
    <t>Kontrola kontaktu katétra s tkanivom pomocou merania lokálnej impedancie a zobrazenie vzdialenosti k tkanivu srdca pomocou grafického kruhu v okolí špičky katétra v 3D mape.</t>
  </si>
  <si>
    <t>Meranie teploty na špičke katétra a farebné zobrazenie teploty na jednotlivých mini elektródach.</t>
  </si>
  <si>
    <t>Zobrazenie smeru priestorovo-časovej aktivácie na špičke katétra pomocou šípky v 3D mape srdca .</t>
  </si>
  <si>
    <t>Možnosť použitia jednej alebo viacerých indiferentných elektród pre umiestnenie na pacienta.</t>
  </si>
  <si>
    <t>Možnosť využitia externého alebo interného stimulátora srdca.</t>
  </si>
  <si>
    <t>Možnosť výberu stimulácie mini elektród alebo všetkých elektród na špičke katétra .</t>
  </si>
  <si>
    <t>Položka č.2 - Prenosný videopupiloalgeziometer</t>
  </si>
  <si>
    <t xml:space="preserve">Prenosný videopupiloalgeziometer, ktorý umožňuje presné meranie fotomorického reflexu a reflexu dilatácie zreníc, umožňuje merať zmeny zreničiek pacientov po dvoch typoch stimulácie : vyhodnotením zornicového reflexu (PLR) vďaka svetelnej stimulácií a hodnotenie zornicového indexu bolesti (Pupillary Pain Index - PPI) vďaka elektrickej stimulácií. </t>
  </si>
  <si>
    <t xml:space="preserve">Videopupiloalgezimeter sa používa na hodnotenie neurologického stavu pacientov pri vedomí, v bezvedomí alebo pod sedatívami a analgetického stavu pacientov v bezvedomí alebo pod sedatívami. </t>
  </si>
  <si>
    <t>Meria veľkosť zreničky pacienta v pokoji, jej minimálnu/maximálnu veľkosť, latenciu do zúženia a percentuálne rozšírenie počas svetelnej stimulácie</t>
  </si>
  <si>
    <t>Prenosný videopupiloalgezimeter integorvaný v jednom zariadení.</t>
  </si>
  <si>
    <t>Meranie stredného priemeru zreničky pacienta s presnosťou</t>
  </si>
  <si>
    <t>mm</t>
  </si>
  <si>
    <t>Rozsah merania veľkosti zreničky</t>
  </si>
  <si>
    <t>1-9 mm</t>
  </si>
  <si>
    <t>Presnosť merania</t>
  </si>
  <si>
    <t>0,1 mm</t>
  </si>
  <si>
    <t>Rozlíšenie</t>
  </si>
  <si>
    <t>0,01 mm</t>
  </si>
  <si>
    <t>Interná kapacita záznamu</t>
  </si>
  <si>
    <t>počet meraní</t>
  </si>
  <si>
    <t>9 000</t>
  </si>
  <si>
    <t>10 000</t>
  </si>
  <si>
    <t>Frekvencia meraní a snímania obrazu</t>
  </si>
  <si>
    <t>60 snímok/sek.</t>
  </si>
  <si>
    <t xml:space="preserve">Generovanie bieleho svetla - intenzita </t>
  </si>
  <si>
    <t>lux</t>
  </si>
  <si>
    <t>Svetelná stimulácia zreničky</t>
  </si>
  <si>
    <t>1 sek.</t>
  </si>
  <si>
    <t>Generovanie kožných elektrických stimulov – šírka impulzov</t>
  </si>
  <si>
    <t>mikrosekunda</t>
  </si>
  <si>
    <t>Frekvencia kožných elektrických impulzov</t>
  </si>
  <si>
    <t>Hz</t>
  </si>
  <si>
    <t>Rozsah nastavenia amplitúdy, výstupný prúd monofázický</t>
  </si>
  <si>
    <t>0 - 60 mA</t>
  </si>
  <si>
    <t>Celková dĺžka trvania kožných elektrických stimulov v režime PPI</t>
  </si>
  <si>
    <t>sek.</t>
  </si>
  <si>
    <t>Trvanie stimulácie v režime Tetanus</t>
  </si>
  <si>
    <t>Hmotnosť</t>
  </si>
  <si>
    <t>280 g</t>
  </si>
  <si>
    <t>Zobrazovacia obrazovka: farebná, dotyková.</t>
  </si>
  <si>
    <t>Systém na meranie pomocou video kamery so zabudovaným procesorom na spracovanie .</t>
  </si>
  <si>
    <t>Bez nutnosti kalibrácie.</t>
  </si>
  <si>
    <t>Bezdrôtová nabíjacia stanica.</t>
  </si>
  <si>
    <t>Možnosť ovládania funkcií na dotykovej obrazovke aj cez ochranné rukavice.</t>
  </si>
  <si>
    <t>Kábel elektrickej stimulácie so štipcami pre elektródy musí byť súčasťou balenia.</t>
  </si>
  <si>
    <t>Možnosť okamžitého merania v reálnom čase.</t>
  </si>
  <si>
    <t>Možnosť dynamického merania po výbere z režimov Flash, Tetanus, PPI, PRD – séria numerických výsledkov a krivka, ktorá predstavuje variácie veľkosti zrenice.</t>
  </si>
  <si>
    <t>Objektív prístroja vo farbe čiernej.</t>
  </si>
  <si>
    <t>Silikónová očnica bez latexu v čiernej farbe pre zabránenie prieniku okolitého svetla – autoklávovateľná 135°C.</t>
  </si>
  <si>
    <t>Automatické zapnutie prístroja po uchopení do ruky - detekcia pohybu.</t>
  </si>
  <si>
    <t>Automatické vypnutie prístroja pri nečinnosti po 2 min.</t>
  </si>
  <si>
    <t>Režim prepravy zabraňujúci zapnutiu prístroja pri každom zaznamenaní pohybu.</t>
  </si>
  <si>
    <t>Prístroj vybavený čítačkou identifikačného čiarového kódu pacienta .</t>
  </si>
  <si>
    <t>Slovenský jazyk softvéru prístroja.</t>
  </si>
  <si>
    <t>Funkcia identifikácie pravého a ľavého oka.</t>
  </si>
  <si>
    <t>Funkcia prenosu údajov do PC a komunikáciu.</t>
  </si>
  <si>
    <t>Prenos údajov cez rozhranie Bluetooth.</t>
  </si>
  <si>
    <t>História meraní v režime Flash.</t>
  </si>
  <si>
    <t>Možnosť uloženia vykonaných meraní.</t>
  </si>
  <si>
    <t>Kompatibilné s elektródami s podporou až 300 voltov s prúdom 60mA.</t>
  </si>
  <si>
    <t>V súlade s európskym nariadením 2017/745.</t>
  </si>
  <si>
    <t>Viditeľné aj infračervené osvetlenie v súlade s bezpečnostnými normami IEC 62471.</t>
  </si>
  <si>
    <t>Označenie CE (orgán 0459 LNE/G-Med) zariadenie triedy 2a.</t>
  </si>
  <si>
    <t>Spĺňa požiadavky normy IEC 60601-1 pre zariadenia II. Triedy.</t>
  </si>
  <si>
    <t>Spĺňa požiadavky normy IEC 60601-2-10.</t>
  </si>
  <si>
    <t>Elektromagnetická kompatibilita: IEC 60601-1-2.</t>
  </si>
  <si>
    <t>Lítium-iónová batéria s napätím 3,7 V DC, s kapacitou najmenej 2 900 mAh (batéria s tepelnou ochranou a ochranou proti skratom), a výdrž približne týždeň pri normálnom používaní (20 meraní denne).</t>
  </si>
  <si>
    <t>Bezdrôtové nabíjanie kompatibilné so štandardom Qi, 5W.</t>
  </si>
  <si>
    <t>Sieťový adaptér – kat. č. PWR5_1, min. 5 V/1,3 A. Vyhovuje norme IEC60601-1, vstup: 100 - 240 V, 50 - 60 Hz, 160 - 80 mA, výstup: 5V DC / 1400 mA.</t>
  </si>
  <si>
    <t>Položka č.3 - Katéter</t>
  </si>
  <si>
    <t>Kompatibilita s položkou č.1 a 2.</t>
  </si>
  <si>
    <t>Univerzálny, jednorazový katéter so schopnosťou aplikovať rádiofrekvenčnú energiu (RF) aj energiu pulzného poľa (PF) pre tvorbu širokoplošných lézií pri intervenčnej katétrovej liečbe srdcových arytmií vrátane príslušenstva. Katéter je osadený inovatívnou 9 mm konformnou mriežkovou špičkou, na ktorej je osadených 9 mini elektród zaisťujúcich presné monitorovanie teploty tkaniva v reálnom čase. Katéter je určený na dodanie ablačnej energie cez mriežkovú špičku za pomoci kompatibilného generátora a na elektro-anatomické mapovanie srdca pri využití uzavretých unipolárnych elektrogramov za pomoci kompatibilného 3D mapovacieho systému. Katéter je centrálne chladený fyziologickým roztokom použitím kompatibilnej preplachovej pumpy a umožňuje intrakardiálnu stimuláciu srdca. Príslušenstvo zahŕňa spojovací elektrický kábel, sadu preplachových hadičiek a sadu referenčných lokalizačných elektród.</t>
  </si>
  <si>
    <t xml:space="preserve">Počet mini elektród na špičke katétra </t>
  </si>
  <si>
    <t>Počet centrálnych referenčných elektród v špičke katétra</t>
  </si>
  <si>
    <t xml:space="preserve">Priemer tela katétru </t>
  </si>
  <si>
    <t>Fr</t>
  </si>
  <si>
    <t>Priemer mriežkovej špičky katétra</t>
  </si>
  <si>
    <t>Pracovná dĺžka katétru</t>
  </si>
  <si>
    <t>cm</t>
  </si>
  <si>
    <t>Katéter umožňuje aplikáciu duálnej energie RF a PF cez nitinolovú ablačnú mriežku na špičke katétru.</t>
  </si>
  <si>
    <t>Katéter umožňuje mapovanie s vysokým počtom bodov a vysokým rozlíšením (HD) pomocou využitia uzatvorených unipolárnych elektrogramov.</t>
  </si>
  <si>
    <t>9 mini elektród na mriežke na špičke katétra pre presné monitorovanie teploty tkaniva v reálnom čase.</t>
  </si>
  <si>
    <t>Katéter využíva obojsmerné ovládanie so zakrivením D a F.</t>
  </si>
  <si>
    <t>Ovládač na rukoväti pre manažment mapovania.</t>
  </si>
  <si>
    <t>Magnetické snímače polohy na tele katétra pre vizualizáciu krivky.</t>
  </si>
  <si>
    <t>Centrálna irigácia fyziologickým roztokom.</t>
  </si>
  <si>
    <t>Príslušenstvo:</t>
  </si>
  <si>
    <t>15.1</t>
  </si>
  <si>
    <t>Spojovací elektrický kábel.</t>
  </si>
  <si>
    <t>15.2</t>
  </si>
  <si>
    <t>Sada 4 ks preplachových hadičiek.</t>
  </si>
  <si>
    <t>15.3</t>
  </si>
  <si>
    <t>Sada 4 ks referenčných lokalizačných elektród.</t>
  </si>
  <si>
    <t>Položka č.4 - Pozáručný servis pre položku č.1 a 2</t>
  </si>
  <si>
    <t>Pozáručný servis pre položku č.1 a 2</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Použivanie len originálnych náhradných dielov</t>
  </si>
  <si>
    <t>Poistenie prevádzkovej zodpovednosti vo výške ročnej ceny za služby - predloží víťaz</t>
  </si>
  <si>
    <t xml:space="preserve">Oprávnenie dodávateľa na servis výrobkov - predloží víťaz </t>
  </si>
  <si>
    <t xml:space="preserve">Osvedčenie servisného technika na servis zariadení výrobcu - predloží víťaz </t>
  </si>
  <si>
    <t>33158100-3   Elektromagnetická jednotka</t>
  </si>
  <si>
    <t>33141200-2   Katétre</t>
  </si>
  <si>
    <t xml:space="preserve">33190000-8   Rôzne lekárske zariadenia a výrobky </t>
  </si>
  <si>
    <t>Položka č.1</t>
  </si>
  <si>
    <t>Položka č.2</t>
  </si>
  <si>
    <t>Položka č.3</t>
  </si>
  <si>
    <t>Požaduje sa dodanie prístroja:</t>
  </si>
  <si>
    <t>v pracovných dňoch v čase od 07:00 hod. do 14:30 hod.,</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18.1.</t>
  </si>
  <si>
    <t>nástup na výkon opravy do 24 hodín od nahlásenia vady/poruchy v pracovných dňoch v čase od 07:00 hod. do 15:00 hod.,</t>
  </si>
  <si>
    <t>18.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r>
      <rPr>
        <b/>
        <sz val="10"/>
        <rFont val="Arial"/>
        <family val="2"/>
        <charset val="238"/>
      </rPr>
      <t>do 60 kalendárnych dní</t>
    </r>
    <r>
      <rPr>
        <sz val="10"/>
        <rFont val="Arial"/>
        <family val="2"/>
        <charset val="238"/>
      </rPr>
      <t xml:space="preserve"> odo dňa nadobudnutia účinnosti zmluvy,</t>
    </r>
  </si>
  <si>
    <t>Požaduje sa uzatvorenie Rámcovej dohody, a to na dohodnuté zmluvné obdobie, resp. do doby naplnenia zmluvného finančného objemu podľa toho, ktorá z uvedených skutočností nastane skôr.</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Požaduje sa dodanie tovaru:</t>
  </si>
  <si>
    <t>3.1</t>
  </si>
  <si>
    <r>
      <rPr>
        <b/>
        <sz val="10"/>
        <rFont val="Arial"/>
        <family val="2"/>
        <charset val="238"/>
      </rPr>
      <t>do 48 hodín</t>
    </r>
    <r>
      <rPr>
        <sz val="10"/>
        <rFont val="Arial"/>
        <family val="2"/>
        <charset val="238"/>
      </rPr>
      <t xml:space="preserve"> od doručenia písomnej Objednávky Dodávateľovi,</t>
    </r>
  </si>
  <si>
    <t>3.2</t>
  </si>
  <si>
    <t>3.3</t>
  </si>
  <si>
    <t>na dohodnuté miesto dodania a zodpovednej osobe Objednávateľa, pričom podrobnosti o konkrétnom mieste dodania - pracovisku Objednávateľa a zodpovednej osobe Objednávateľa budú Dodávateľovi písomne upresnené po uzavretí zmluvného vzťahu,</t>
  </si>
  <si>
    <t>3.4</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podľa aktuálne platného colného sadzobníka,
- údaj o krajine pôvodu (t. j. krajinu kde bol vyrobený).</t>
  </si>
  <si>
    <t>Požaduje sa poskytovanie plnenia vo viacerých ucelených častiach, a to na základe písomných čiastkových výziev (ďalej len "Objednávka") Objednávateľa s periodicitou a v minimálnych objemoch podľa aktuálnych prevádzkových potrieb Objednávateľa.</t>
  </si>
  <si>
    <t>V prípade, ak Dodávateľ doručí Objednávateľovi tovar v kvalite a/alebo v množstve nezodpovedajúcom požiadavkám Objednávateľa, je Objednávateľ oprávnený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ďalej len "Zoznam kategorizovaných ŠZM"),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zmluvného vzťahu.</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sa v prípade, ak sa úspešným Dodávateľom po elektronickej aukcii stane:
- Dodávateľ, ktorý je alebo bol Dodávateľom predmetu zákazky pre Objednávateľa a ak jeho konečná jednotková cena za mernú jednotku (ďalej len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ého zmluvného vzťahu.</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b/>
        <sz val="10"/>
        <rFont val="Arial"/>
        <family val="2"/>
        <charset val="238"/>
      </rPr>
      <t xml:space="preserve">24 kalendárnych mesiacov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15.1.</t>
  </si>
  <si>
    <t>15.2.</t>
  </si>
  <si>
    <t>15.3.</t>
  </si>
  <si>
    <t>15.4.</t>
  </si>
  <si>
    <t>15.5.</t>
  </si>
  <si>
    <t>15.6.</t>
  </si>
  <si>
    <t>15.7.</t>
  </si>
  <si>
    <t>15.8.</t>
  </si>
  <si>
    <t>15.9.</t>
  </si>
  <si>
    <t>15.10.</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19.1.</t>
  </si>
  <si>
    <t>19.2.</t>
  </si>
  <si>
    <r>
      <t xml:space="preserve">Požaduje sa poskytovanie pozáručného servisu pre </t>
    </r>
    <r>
      <rPr>
        <sz val="10"/>
        <color rgb="FFFF0000"/>
        <rFont val="Arial"/>
        <family val="2"/>
        <charset val="238"/>
      </rPr>
      <t>položku č. 1 a č. 2</t>
    </r>
    <r>
      <rPr>
        <sz val="10"/>
        <rFont val="Arial"/>
        <family val="2"/>
        <charset val="238"/>
      </rPr>
      <t xml:space="preserve"> po dobu </t>
    </r>
    <r>
      <rPr>
        <b/>
        <sz val="10"/>
        <rFont val="Arial"/>
        <family val="2"/>
        <charset val="238"/>
      </rPr>
      <t>5 rokov (60 kalendárnych mesiacov)</t>
    </r>
    <r>
      <rPr>
        <sz val="10"/>
        <rFont val="Arial"/>
        <family val="2"/>
        <charset val="238"/>
      </rPr>
      <t>, pričom za začiatok tohto poskytovania sa považuje deň nasledujúci po poslednom dni záručnej doby.</t>
    </r>
  </si>
  <si>
    <t>25.1</t>
  </si>
  <si>
    <t>25.2</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35.1</t>
  </si>
  <si>
    <t>35.2</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4 </t>
    </r>
    <r>
      <rPr>
        <sz val="10"/>
        <rFont val="Arial"/>
        <family val="2"/>
        <charset val="238"/>
      </rPr>
      <t>je zmluvnými stranami potvrdený rozsah poskytnutej služby s uvedením dátumu jej poskytnutia v príslušnom kalendárnom mesiaci.</t>
    </r>
  </si>
  <si>
    <r>
      <t xml:space="preserve">Pozáručný servis (služby, ktoré sú predmetom </t>
    </r>
    <r>
      <rPr>
        <sz val="10"/>
        <color rgb="FFFF0000"/>
        <rFont val="Arial"/>
        <family val="2"/>
        <charset val="238"/>
      </rPr>
      <t>položky č. 4</t>
    </r>
    <r>
      <rPr>
        <sz val="10"/>
        <rFont val="Arial"/>
        <family val="2"/>
        <charset val="238"/>
      </rPr>
      <t>) bude hradený formou mesačných paušálnych odmien uvedených v Prílohe č. 1 - Kalkulácia ceny.</t>
    </r>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3 a č. 4</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49.</t>
  </si>
  <si>
    <t>50.</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top style="medium">
        <color indexed="64"/>
      </top>
      <bottom style="thin">
        <color indexed="64"/>
      </bottom>
      <diagonal/>
    </border>
    <border>
      <left/>
      <right/>
      <top style="thin">
        <color indexed="64"/>
      </top>
      <bottom style="thin">
        <color indexed="64"/>
      </bottom>
      <diagonal/>
    </border>
    <border>
      <left style="thin">
        <color auto="1"/>
      </left>
      <right style="thin">
        <color auto="1"/>
      </right>
      <top/>
      <bottom/>
      <diagonal/>
    </border>
    <border>
      <left style="medium">
        <color indexed="64"/>
      </left>
      <right/>
      <top style="medium">
        <color indexed="64"/>
      </top>
      <bottom style="thin">
        <color auto="1"/>
      </bottom>
      <diagonal/>
    </border>
    <border>
      <left/>
      <right style="medium">
        <color auto="1"/>
      </right>
      <top style="medium">
        <color auto="1"/>
      </top>
      <bottom style="thin">
        <color auto="1"/>
      </bottom>
      <diagonal/>
    </border>
    <border>
      <left/>
      <right style="thin">
        <color auto="1"/>
      </right>
      <top style="medium">
        <color auto="1"/>
      </top>
      <bottom/>
      <diagonal/>
    </border>
    <border>
      <left/>
      <right/>
      <top style="medium">
        <color auto="1"/>
      </top>
      <bottom style="thin">
        <color auto="1"/>
      </bottom>
      <diagonal/>
    </border>
    <border>
      <left/>
      <right style="thin">
        <color auto="1"/>
      </right>
      <top/>
      <bottom style="medium">
        <color auto="1"/>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left/>
      <right/>
      <top style="thin">
        <color indexed="64"/>
      </top>
      <bottom style="medium">
        <color indexed="64"/>
      </bottom>
      <diagonal/>
    </border>
    <border>
      <left/>
      <right style="thin">
        <color auto="1"/>
      </right>
      <top style="thin">
        <color auto="1"/>
      </top>
      <bottom style="medium">
        <color indexed="64"/>
      </bottom>
      <diagonal/>
    </border>
    <border>
      <left style="thin">
        <color auto="1"/>
      </left>
      <right/>
      <top/>
      <bottom/>
      <diagonal/>
    </border>
    <border>
      <left style="thin">
        <color auto="1"/>
      </left>
      <right/>
      <top/>
      <bottom style="medium">
        <color indexed="64"/>
      </bottom>
      <diagonal/>
    </border>
    <border>
      <left style="medium">
        <color indexed="64"/>
      </left>
      <right style="thin">
        <color auto="1"/>
      </right>
      <top style="medium">
        <color indexed="64"/>
      </top>
      <bottom style="medium">
        <color auto="1"/>
      </bottom>
      <diagonal/>
    </border>
    <border>
      <left style="thin">
        <color auto="1"/>
      </left>
      <right style="dotted">
        <color auto="1"/>
      </right>
      <top style="dotted">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xf>
    <xf numFmtId="49" fontId="2" fillId="0" borderId="22" xfId="0" applyNumberFormat="1" applyFont="1" applyBorder="1" applyAlignment="1">
      <alignment horizontal="center" vertical="center" wrapText="1"/>
    </xf>
    <xf numFmtId="0" fontId="2" fillId="0" borderId="28" xfId="0" applyNumberFormat="1" applyFont="1" applyBorder="1" applyAlignment="1">
      <alignment horizontal="center" vertical="center" wrapText="1"/>
    </xf>
    <xf numFmtId="0" fontId="2" fillId="0" borderId="30" xfId="0" applyNumberFormat="1" applyFont="1" applyBorder="1" applyAlignment="1">
      <alignment horizontal="center" vertical="center" wrapText="1"/>
    </xf>
    <xf numFmtId="0" fontId="2" fillId="0" borderId="32" xfId="0" applyNumberFormat="1" applyFont="1" applyBorder="1" applyAlignment="1">
      <alignment horizontal="center" vertical="center" wrapText="1"/>
    </xf>
    <xf numFmtId="0" fontId="4"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8" fillId="0" borderId="0" xfId="0" applyFont="1" applyFill="1" applyAlignment="1">
      <alignment horizontal="left" vertical="center"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8" xfId="0" applyNumberFormat="1" applyFont="1" applyFill="1" applyBorder="1" applyAlignment="1">
      <alignment horizontal="right" vertical="center"/>
    </xf>
    <xf numFmtId="0" fontId="2" fillId="0" borderId="23" xfId="0" applyNumberFormat="1" applyFont="1" applyBorder="1" applyAlignment="1">
      <alignment horizontal="center" vertical="center" wrapText="1"/>
    </xf>
    <xf numFmtId="49" fontId="2" fillId="6" borderId="8" xfId="0" applyNumberFormat="1" applyFont="1" applyFill="1" applyBorder="1" applyAlignment="1">
      <alignment horizontal="center" vertical="center" wrapText="1"/>
    </xf>
    <xf numFmtId="0" fontId="2" fillId="0" borderId="10" xfId="0" applyFont="1" applyFill="1" applyBorder="1" applyAlignment="1">
      <alignment horizontal="center" vertical="center" wrapText="1"/>
    </xf>
    <xf numFmtId="49" fontId="2" fillId="6" borderId="8"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16" fontId="5" fillId="0" borderId="0" xfId="0" applyNumberFormat="1" applyFont="1" applyFill="1" applyAlignment="1">
      <alignment horizontal="left" vertical="top" wrapText="1"/>
    </xf>
    <xf numFmtId="49" fontId="5" fillId="5" borderId="23" xfId="0" applyNumberFormat="1" applyFont="1" applyFill="1" applyBorder="1" applyAlignment="1">
      <alignment horizontal="center" vertical="center" wrapText="1"/>
    </xf>
    <xf numFmtId="0" fontId="4" fillId="0" borderId="10" xfId="0" applyFont="1" applyBorder="1" applyAlignment="1">
      <alignment vertical="center" wrapText="1"/>
    </xf>
    <xf numFmtId="0" fontId="4" fillId="0" borderId="10" xfId="0" applyFont="1" applyBorder="1" applyAlignment="1">
      <alignment horizontal="center" vertical="center" wrapText="1"/>
    </xf>
    <xf numFmtId="0" fontId="2" fillId="0" borderId="10" xfId="0" applyFont="1" applyBorder="1" applyAlignment="1">
      <alignment vertical="center" wrapText="1"/>
    </xf>
    <xf numFmtId="0" fontId="2" fillId="0" borderId="10" xfId="0" applyFont="1" applyBorder="1" applyAlignment="1">
      <alignment horizontal="center" vertical="center"/>
    </xf>
    <xf numFmtId="0" fontId="2" fillId="6" borderId="10" xfId="0" applyFont="1" applyFill="1" applyBorder="1" applyAlignment="1">
      <alignment vertical="center" wrapText="1"/>
    </xf>
    <xf numFmtId="0" fontId="2" fillId="0" borderId="36" xfId="0" applyNumberFormat="1" applyFont="1" applyBorder="1" applyAlignment="1">
      <alignment horizontal="center" vertical="center" wrapText="1"/>
    </xf>
    <xf numFmtId="0" fontId="2" fillId="0" borderId="10" xfId="0" applyFont="1" applyBorder="1" applyAlignment="1">
      <alignment horizontal="center" vertical="center" wrapText="1"/>
    </xf>
    <xf numFmtId="0" fontId="4" fillId="0" borderId="10" xfId="0" applyFont="1" applyBorder="1" applyAlignment="1">
      <alignment horizontal="left" vertical="center" wrapText="1"/>
    </xf>
    <xf numFmtId="49" fontId="4" fillId="0" borderId="8" xfId="0" applyNumberFormat="1" applyFont="1" applyFill="1" applyBorder="1" applyAlignment="1">
      <alignment horizontal="center" vertical="center"/>
    </xf>
    <xf numFmtId="49" fontId="4" fillId="0" borderId="8" xfId="0" applyNumberFormat="1" applyFont="1" applyFill="1" applyBorder="1" applyAlignment="1">
      <alignment horizontal="right" vertical="center"/>
    </xf>
    <xf numFmtId="49" fontId="2" fillId="0" borderId="42" xfId="0" applyNumberFormat="1" applyFont="1" applyBorder="1" applyAlignment="1">
      <alignment horizontal="center" vertical="center"/>
    </xf>
    <xf numFmtId="49" fontId="2" fillId="0" borderId="43" xfId="0" applyNumberFormat="1" applyFont="1" applyBorder="1" applyAlignment="1">
      <alignment horizontal="center" vertical="center"/>
    </xf>
    <xf numFmtId="49" fontId="2" fillId="2" borderId="49" xfId="0" applyNumberFormat="1" applyFont="1" applyFill="1" applyBorder="1" applyAlignment="1">
      <alignment horizontal="center" vertical="center" wrapText="1"/>
    </xf>
    <xf numFmtId="0" fontId="7" fillId="0" borderId="10" xfId="0" applyNumberFormat="1" applyFont="1" applyBorder="1" applyAlignment="1">
      <alignment horizontal="center" vertical="center" wrapText="1"/>
    </xf>
    <xf numFmtId="0" fontId="2" fillId="0" borderId="23" xfId="0" applyFont="1" applyFill="1" applyBorder="1" applyAlignment="1">
      <alignment vertical="center" wrapText="1"/>
    </xf>
    <xf numFmtId="0" fontId="2" fillId="0" borderId="20" xfId="0" applyFont="1" applyFill="1" applyBorder="1" applyAlignment="1">
      <alignment vertical="center" wrapText="1"/>
    </xf>
    <xf numFmtId="0" fontId="4" fillId="0" borderId="5" xfId="0" applyFont="1" applyBorder="1" applyAlignment="1">
      <alignment horizontal="left" vertical="center" wrapText="1"/>
    </xf>
    <xf numFmtId="0" fontId="4" fillId="0" borderId="35" xfId="0" applyFont="1" applyBorder="1" applyAlignment="1">
      <alignment horizontal="left" vertical="center" wrapText="1"/>
    </xf>
    <xf numFmtId="0" fontId="4" fillId="0" borderId="6" xfId="0" applyFont="1" applyBorder="1" applyAlignment="1">
      <alignment horizontal="left" vertical="center" wrapText="1"/>
    </xf>
    <xf numFmtId="0" fontId="2" fillId="0" borderId="14"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3" xfId="0" applyFont="1" applyFill="1" applyBorder="1" applyAlignment="1">
      <alignment horizontal="left" vertical="center" wrapText="1"/>
    </xf>
    <xf numFmtId="0" fontId="3" fillId="0" borderId="14" xfId="0" applyFont="1" applyFill="1" applyBorder="1" applyAlignment="1">
      <alignment horizontal="left" vertical="center" wrapText="1"/>
    </xf>
    <xf numFmtId="0" fontId="3" fillId="0" borderId="13" xfId="0" applyFont="1" applyFill="1" applyBorder="1" applyAlignment="1">
      <alignment horizontal="left" vertical="center" wrapText="1"/>
    </xf>
    <xf numFmtId="0" fontId="3" fillId="0" borderId="46"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47" xfId="0" applyFont="1" applyFill="1" applyBorder="1" applyAlignment="1">
      <alignment horizontal="left" vertical="center" wrapText="1"/>
    </xf>
    <xf numFmtId="0" fontId="3" fillId="0" borderId="3" xfId="0" applyFont="1" applyFill="1" applyBorder="1" applyAlignment="1">
      <alignment horizontal="left" vertical="center" wrapText="1"/>
    </xf>
    <xf numFmtId="49" fontId="4" fillId="0" borderId="5" xfId="0" applyNumberFormat="1" applyFont="1" applyFill="1" applyBorder="1" applyAlignment="1">
      <alignment horizontal="left" vertical="center" wrapText="1"/>
    </xf>
    <xf numFmtId="49" fontId="4" fillId="0" borderId="35"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5" fillId="5" borderId="37" xfId="0" applyNumberFormat="1" applyFont="1" applyFill="1" applyBorder="1" applyAlignment="1">
      <alignment horizontal="left" vertical="center" wrapText="1"/>
    </xf>
    <xf numFmtId="49" fontId="5" fillId="5" borderId="40" xfId="0" applyNumberFormat="1" applyFont="1" applyFill="1" applyBorder="1" applyAlignment="1">
      <alignment horizontal="left" vertical="center" wrapText="1"/>
    </xf>
    <xf numFmtId="49" fontId="4" fillId="5" borderId="34" xfId="0" applyNumberFormat="1" applyFont="1" applyFill="1" applyBorder="1" applyAlignment="1">
      <alignment horizontal="center" vertical="center" wrapText="1"/>
    </xf>
    <xf numFmtId="49" fontId="4" fillId="5" borderId="40" xfId="0" applyNumberFormat="1" applyFont="1" applyFill="1" applyBorder="1" applyAlignment="1">
      <alignment horizontal="center" vertical="center" wrapText="1"/>
    </xf>
    <xf numFmtId="49" fontId="4" fillId="5" borderId="38" xfId="0" applyNumberFormat="1" applyFont="1" applyFill="1" applyBorder="1" applyAlignment="1">
      <alignment horizontal="center" vertical="center" wrapText="1"/>
    </xf>
    <xf numFmtId="0" fontId="4" fillId="0" borderId="5"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5" xfId="0" applyFont="1" applyBorder="1" applyAlignment="1">
      <alignment horizontal="left" vertical="center"/>
    </xf>
    <xf numFmtId="0" fontId="2" fillId="0" borderId="35"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wrapText="1"/>
    </xf>
    <xf numFmtId="0" fontId="2" fillId="0" borderId="35" xfId="0" applyFont="1" applyBorder="1" applyAlignment="1">
      <alignment horizontal="left" vertical="center" wrapText="1"/>
    </xf>
    <xf numFmtId="0" fontId="2" fillId="0" borderId="6" xfId="0" applyFont="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4" fillId="0" borderId="25" xfId="0" applyNumberFormat="1" applyFont="1" applyFill="1" applyBorder="1" applyAlignment="1">
      <alignment horizontal="left" vertical="center" wrapText="1"/>
    </xf>
    <xf numFmtId="49" fontId="4" fillId="0" borderId="44" xfId="0" applyNumberFormat="1" applyFont="1" applyFill="1" applyBorder="1" applyAlignment="1">
      <alignment horizontal="left" vertical="center" wrapText="1"/>
    </xf>
    <xf numFmtId="49" fontId="4" fillId="0" borderId="45" xfId="0" applyNumberFormat="1"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2" fillId="0" borderId="48"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2" fillId="0" borderId="0" xfId="0" applyFont="1" applyAlignment="1">
      <alignment horizontal="center" vertical="center" wrapText="1"/>
    </xf>
    <xf numFmtId="0" fontId="5"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4"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2" fillId="0" borderId="30"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49" fontId="2" fillId="0" borderId="32" xfId="0" applyNumberFormat="1" applyFont="1" applyBorder="1" applyAlignment="1">
      <alignment horizontal="center" vertical="center" wrapText="1"/>
    </xf>
    <xf numFmtId="49" fontId="2" fillId="0" borderId="33" xfId="0" applyNumberFormat="1" applyFont="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35" xfId="0" applyFont="1" applyFill="1" applyBorder="1" applyAlignment="1">
      <alignment horizontal="left" vertical="top" wrapText="1"/>
    </xf>
    <xf numFmtId="0" fontId="2" fillId="3" borderId="6" xfId="0" applyFont="1" applyFill="1" applyBorder="1" applyAlignment="1">
      <alignment horizontal="left" vertical="top" wrapText="1"/>
    </xf>
    <xf numFmtId="0" fontId="11" fillId="2" borderId="5" xfId="0" applyNumberFormat="1" applyFont="1" applyFill="1" applyBorder="1" applyAlignment="1">
      <alignment horizontal="left" vertical="center" wrapText="1"/>
    </xf>
    <xf numFmtId="0" fontId="11" fillId="2" borderId="35" xfId="0" applyNumberFormat="1" applyFont="1" applyFill="1" applyBorder="1" applyAlignment="1">
      <alignment horizontal="left" vertical="center" wrapText="1"/>
    </xf>
    <xf numFmtId="0" fontId="11" fillId="2" borderId="6" xfId="0" applyNumberFormat="1" applyFont="1" applyFill="1" applyBorder="1" applyAlignment="1">
      <alignment horizontal="left" vertical="center" wrapText="1"/>
    </xf>
    <xf numFmtId="0" fontId="7" fillId="2" borderId="5" xfId="0" applyNumberFormat="1" applyFont="1" applyFill="1" applyBorder="1" applyAlignment="1">
      <alignment horizontal="left" vertical="center" wrapText="1"/>
    </xf>
    <xf numFmtId="0" fontId="7" fillId="2" borderId="35" xfId="0" applyNumberFormat="1" applyFont="1" applyFill="1" applyBorder="1" applyAlignment="1">
      <alignment horizontal="left" vertical="center" wrapText="1"/>
    </xf>
    <xf numFmtId="0" fontId="7" fillId="2" borderId="6" xfId="0" applyNumberFormat="1" applyFont="1" applyFill="1" applyBorder="1" applyAlignment="1">
      <alignment horizontal="left" vertical="center" wrapText="1"/>
    </xf>
    <xf numFmtId="49" fontId="3" fillId="2" borderId="39"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0" fontId="4" fillId="0" borderId="5" xfId="0" applyFont="1" applyBorder="1" applyAlignment="1">
      <alignment horizontal="center" vertical="center" wrapText="1"/>
    </xf>
    <xf numFmtId="0" fontId="4" fillId="0" borderId="3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23" xfId="0" applyFont="1" applyBorder="1" applyAlignment="1">
      <alignment horizontal="left" vertical="center" wrapText="1"/>
    </xf>
    <xf numFmtId="0" fontId="4" fillId="0" borderId="10" xfId="0" applyFont="1" applyBorder="1" applyAlignment="1">
      <alignment horizontal="left" vertical="center" wrapText="1"/>
    </xf>
    <xf numFmtId="0" fontId="4" fillId="6" borderId="10" xfId="0" applyFont="1" applyFill="1" applyBorder="1" applyAlignment="1">
      <alignment vertical="center" wrapText="1"/>
    </xf>
    <xf numFmtId="0" fontId="4" fillId="0" borderId="10" xfId="0" applyFont="1" applyFill="1" applyBorder="1" applyAlignment="1">
      <alignment horizontal="left" vertical="center" wrapText="1"/>
    </xf>
    <xf numFmtId="0" fontId="4" fillId="6" borderId="10" xfId="0" applyFont="1" applyFill="1" applyBorder="1" applyAlignment="1">
      <alignment horizontal="left" vertical="center" wrapText="1"/>
    </xf>
    <xf numFmtId="0" fontId="4" fillId="0" borderId="10" xfId="0" applyFont="1" applyFill="1" applyBorder="1" applyAlignment="1">
      <alignment vertical="center" wrapText="1"/>
    </xf>
    <xf numFmtId="0" fontId="4" fillId="6" borderId="20"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J299"/>
  <sheetViews>
    <sheetView showGridLines="0" tabSelected="1" zoomScaleNormal="100" workbookViewId="0"/>
  </sheetViews>
  <sheetFormatPr defaultRowHeight="12.75" x14ac:dyDescent="0.2"/>
  <cols>
    <col min="1" max="1" width="1.85546875" style="1" customWidth="1"/>
    <col min="2" max="2" width="13.5703125" style="1" customWidth="1"/>
    <col min="3" max="3" width="40.7109375" style="1" customWidth="1"/>
    <col min="4" max="6" width="10.7109375" style="1" customWidth="1"/>
    <col min="7" max="7" width="16.42578125" style="8" customWidth="1"/>
    <col min="8" max="8" width="13.7109375" style="8" customWidth="1"/>
    <col min="9" max="9" width="19.7109375" style="2" customWidth="1"/>
    <col min="10" max="10" width="17.140625" style="1" customWidth="1"/>
    <col min="11" max="11" width="9.140625" style="1"/>
    <col min="12" max="12" width="9.140625" style="1" customWidth="1"/>
    <col min="13" max="16384" width="9.140625" style="1"/>
  </cols>
  <sheetData>
    <row r="1" spans="2:9" ht="24" customHeight="1" x14ac:dyDescent="0.2">
      <c r="B1" s="150" t="s">
        <v>49</v>
      </c>
      <c r="C1" s="150"/>
      <c r="D1" s="150"/>
      <c r="E1" s="150"/>
      <c r="F1" s="150"/>
      <c r="G1" s="150"/>
      <c r="H1" s="150"/>
      <c r="I1" s="150"/>
    </row>
    <row r="2" spans="2:9" ht="27.75" customHeight="1" x14ac:dyDescent="0.2">
      <c r="B2" s="149" t="s">
        <v>47</v>
      </c>
      <c r="C2" s="149"/>
      <c r="D2" s="149"/>
      <c r="E2" s="149"/>
      <c r="F2" s="149"/>
      <c r="G2" s="149"/>
      <c r="H2" s="149"/>
      <c r="I2" s="149"/>
    </row>
    <row r="3" spans="2:9" ht="54.75" customHeight="1" x14ac:dyDescent="0.2">
      <c r="B3" s="177" t="s">
        <v>53</v>
      </c>
      <c r="C3" s="177"/>
      <c r="D3" s="177"/>
      <c r="E3" s="177"/>
      <c r="F3" s="177"/>
      <c r="G3" s="177"/>
      <c r="H3" s="177"/>
      <c r="I3" s="177"/>
    </row>
    <row r="4" spans="2:9" ht="24.95" customHeight="1" x14ac:dyDescent="0.2">
      <c r="B4" s="41" t="s">
        <v>52</v>
      </c>
      <c r="C4" s="185"/>
      <c r="D4" s="186"/>
      <c r="E4" s="186"/>
      <c r="F4" s="187"/>
      <c r="G4" s="38"/>
      <c r="H4" s="38"/>
      <c r="I4" s="38"/>
    </row>
    <row r="5" spans="2:9" ht="24.95" customHeight="1" x14ac:dyDescent="0.2">
      <c r="B5" s="41" t="s">
        <v>50</v>
      </c>
      <c r="C5" s="188"/>
      <c r="D5" s="189"/>
      <c r="E5" s="189"/>
      <c r="F5" s="190"/>
      <c r="G5" s="38"/>
      <c r="H5" s="38"/>
      <c r="I5" s="38"/>
    </row>
    <row r="6" spans="2:9" ht="5.0999999999999996" customHeight="1" x14ac:dyDescent="0.2">
      <c r="B6" s="38"/>
      <c r="C6" s="38"/>
      <c r="D6" s="38"/>
      <c r="E6" s="38"/>
      <c r="F6" s="38"/>
      <c r="G6" s="38"/>
      <c r="H6" s="38"/>
      <c r="I6" s="38"/>
    </row>
    <row r="7" spans="2:9" s="2" customFormat="1" ht="20.100000000000001" customHeight="1" x14ac:dyDescent="0.25">
      <c r="B7" s="126" t="s">
        <v>5</v>
      </c>
      <c r="C7" s="126"/>
      <c r="D7" s="126"/>
      <c r="E7" s="126"/>
      <c r="F7" s="126"/>
      <c r="G7" s="126"/>
      <c r="H7" s="126"/>
      <c r="I7" s="126"/>
    </row>
    <row r="8" spans="2:9" s="2" customFormat="1" ht="20.100000000000001" customHeight="1" x14ac:dyDescent="0.25">
      <c r="B8" s="178" t="s">
        <v>9</v>
      </c>
      <c r="C8" s="178"/>
      <c r="D8" s="178"/>
      <c r="E8" s="178"/>
      <c r="F8" s="178"/>
      <c r="G8" s="178"/>
      <c r="H8" s="178"/>
      <c r="I8" s="178"/>
    </row>
    <row r="9" spans="2:9" ht="24.95" customHeight="1" x14ac:dyDescent="0.2">
      <c r="B9" s="179" t="s">
        <v>157</v>
      </c>
      <c r="C9" s="179"/>
      <c r="D9" s="179"/>
      <c r="E9" s="179"/>
      <c r="F9" s="179"/>
      <c r="G9" s="179"/>
      <c r="H9" s="179"/>
      <c r="I9" s="179"/>
    </row>
    <row r="10" spans="2:9" ht="4.5" customHeight="1" x14ac:dyDescent="0.2">
      <c r="B10" s="40"/>
      <c r="C10" s="40"/>
      <c r="D10" s="40"/>
      <c r="E10" s="40"/>
      <c r="F10" s="40"/>
      <c r="G10" s="40"/>
      <c r="H10" s="40"/>
      <c r="I10" s="40"/>
    </row>
    <row r="11" spans="2:9" s="2" customFormat="1" ht="20.100000000000001" customHeight="1" x14ac:dyDescent="0.25">
      <c r="B11" s="180" t="s">
        <v>10</v>
      </c>
      <c r="C11" s="180"/>
      <c r="D11" s="180"/>
      <c r="E11" s="180"/>
      <c r="F11" s="180"/>
      <c r="G11" s="180"/>
      <c r="H11" s="180"/>
      <c r="I11" s="180"/>
    </row>
    <row r="12" spans="2:9" s="2" customFormat="1" ht="20.100000000000001" customHeight="1" x14ac:dyDescent="0.25">
      <c r="B12" s="158" t="s">
        <v>334</v>
      </c>
      <c r="C12" s="158"/>
      <c r="D12" s="158"/>
      <c r="E12" s="158"/>
      <c r="F12" s="158"/>
      <c r="G12" s="158"/>
      <c r="H12" s="52"/>
      <c r="I12" s="52"/>
    </row>
    <row r="13" spans="2:9" s="2" customFormat="1" ht="20.100000000000001" customHeight="1" x14ac:dyDescent="0.25">
      <c r="B13" s="158" t="s">
        <v>336</v>
      </c>
      <c r="C13" s="158"/>
      <c r="D13" s="158"/>
      <c r="E13" s="158"/>
      <c r="F13" s="158"/>
      <c r="G13" s="158"/>
      <c r="H13" s="69"/>
      <c r="I13" s="69"/>
    </row>
    <row r="14" spans="2:9" s="2" customFormat="1" ht="20.100000000000001" customHeight="1" x14ac:dyDescent="0.25">
      <c r="B14" s="158" t="s">
        <v>335</v>
      </c>
      <c r="C14" s="158"/>
      <c r="D14" s="158"/>
      <c r="E14" s="158"/>
      <c r="F14" s="158"/>
      <c r="G14" s="158"/>
      <c r="H14" s="52"/>
      <c r="I14" s="52"/>
    </row>
    <row r="15" spans="2:9" s="2" customFormat="1" ht="20.100000000000001" customHeight="1" x14ac:dyDescent="0.25">
      <c r="B15" s="158" t="s">
        <v>89</v>
      </c>
      <c r="C15" s="158"/>
      <c r="D15" s="158"/>
      <c r="E15" s="158"/>
      <c r="F15" s="158"/>
      <c r="G15" s="158"/>
      <c r="H15" s="52"/>
      <c r="I15" s="52"/>
    </row>
    <row r="16" spans="2:9" s="2" customFormat="1" ht="20.100000000000001" customHeight="1" x14ac:dyDescent="0.25">
      <c r="B16" s="158" t="s">
        <v>27</v>
      </c>
      <c r="C16" s="158"/>
      <c r="D16" s="158"/>
      <c r="E16" s="158"/>
      <c r="F16" s="158"/>
      <c r="G16" s="158"/>
      <c r="H16" s="45"/>
      <c r="I16" s="45"/>
    </row>
    <row r="17" spans="2:9" ht="4.5" customHeight="1" x14ac:dyDescent="0.2">
      <c r="B17" s="42"/>
      <c r="C17" s="42"/>
      <c r="D17" s="58"/>
      <c r="E17" s="58"/>
      <c r="F17" s="58"/>
      <c r="G17" s="42"/>
      <c r="H17" s="40"/>
      <c r="I17" s="40"/>
    </row>
    <row r="18" spans="2:9" ht="20.100000000000001" customHeight="1" x14ac:dyDescent="0.2">
      <c r="B18" s="39" t="s">
        <v>11</v>
      </c>
      <c r="C18" s="21"/>
      <c r="D18" s="21"/>
      <c r="E18" s="21"/>
      <c r="F18" s="21"/>
      <c r="G18" s="21"/>
      <c r="H18" s="22"/>
      <c r="I18" s="22"/>
    </row>
    <row r="19" spans="2:9" s="3" customFormat="1" ht="24.95" customHeight="1" x14ac:dyDescent="0.25">
      <c r="B19" s="155" t="s">
        <v>68</v>
      </c>
      <c r="C19" s="155"/>
      <c r="D19" s="155"/>
      <c r="E19" s="155"/>
      <c r="F19" s="155"/>
      <c r="G19" s="155"/>
      <c r="H19" s="19"/>
      <c r="I19" s="20"/>
    </row>
    <row r="20" spans="2:9" ht="5.0999999999999996" customHeight="1" x14ac:dyDescent="0.2">
      <c r="B20" s="156"/>
      <c r="C20" s="156"/>
      <c r="D20" s="156"/>
      <c r="E20" s="156"/>
      <c r="F20" s="156"/>
      <c r="G20" s="156"/>
      <c r="I20" s="15"/>
    </row>
    <row r="21" spans="2:9" s="2" customFormat="1" ht="20.100000000000001" customHeight="1" x14ac:dyDescent="0.25">
      <c r="B21" s="126" t="s">
        <v>24</v>
      </c>
      <c r="C21" s="126"/>
      <c r="D21" s="126"/>
      <c r="E21" s="126"/>
      <c r="F21" s="126"/>
      <c r="G21" s="126"/>
      <c r="H21" s="126"/>
      <c r="I21" s="126"/>
    </row>
    <row r="22" spans="2:9" ht="33.75" customHeight="1" x14ac:dyDescent="0.2">
      <c r="B22" s="157" t="s">
        <v>158</v>
      </c>
      <c r="C22" s="157"/>
      <c r="D22" s="157"/>
      <c r="E22" s="157"/>
      <c r="F22" s="157"/>
      <c r="G22" s="157"/>
      <c r="H22" s="157"/>
      <c r="I22" s="157"/>
    </row>
    <row r="23" spans="2:9" ht="5.0999999999999996" customHeight="1" x14ac:dyDescent="0.2">
      <c r="B23" s="156"/>
      <c r="C23" s="156"/>
      <c r="D23" s="156"/>
      <c r="E23" s="156"/>
      <c r="F23" s="156"/>
      <c r="G23" s="156"/>
      <c r="I23" s="15"/>
    </row>
    <row r="24" spans="2:9" s="2" customFormat="1" ht="20.100000000000001" customHeight="1" x14ac:dyDescent="0.25">
      <c r="B24" s="126" t="s">
        <v>25</v>
      </c>
      <c r="C24" s="126"/>
      <c r="D24" s="126"/>
      <c r="E24" s="126"/>
      <c r="F24" s="126"/>
      <c r="G24" s="126"/>
      <c r="H24" s="126"/>
      <c r="I24" s="126"/>
    </row>
    <row r="25" spans="2:9" s="9" customFormat="1" ht="20.100000000000001" customHeight="1" x14ac:dyDescent="0.25">
      <c r="B25" s="181" t="s">
        <v>6</v>
      </c>
      <c r="C25" s="181"/>
      <c r="D25" s="181"/>
      <c r="E25" s="181"/>
      <c r="F25" s="181"/>
      <c r="G25" s="181"/>
      <c r="H25" s="181"/>
      <c r="I25" s="181"/>
    </row>
    <row r="26" spans="2:9" s="9" customFormat="1" ht="20.100000000000001" customHeight="1" x14ac:dyDescent="0.25">
      <c r="B26" s="151" t="s">
        <v>18</v>
      </c>
      <c r="C26" s="152"/>
      <c r="D26" s="60"/>
      <c r="E26" s="60"/>
      <c r="F26" s="60"/>
      <c r="G26" s="14"/>
      <c r="H26" s="14"/>
      <c r="I26" s="14"/>
    </row>
    <row r="27" spans="2:9" s="9" customFormat="1" ht="20.100000000000001" customHeight="1" x14ac:dyDescent="0.25">
      <c r="B27" s="13"/>
      <c r="C27" s="13" t="s">
        <v>22</v>
      </c>
      <c r="D27" s="13"/>
      <c r="E27" s="13"/>
      <c r="F27" s="13"/>
      <c r="G27" s="14"/>
      <c r="H27" s="14"/>
      <c r="I27" s="14"/>
    </row>
    <row r="28" spans="2:9" s="9" customFormat="1" ht="20.100000000000001" customHeight="1" x14ac:dyDescent="0.25">
      <c r="B28" s="13"/>
      <c r="C28" s="13" t="s">
        <v>23</v>
      </c>
      <c r="D28" s="13"/>
      <c r="E28" s="13"/>
      <c r="F28" s="13"/>
      <c r="G28" s="14"/>
      <c r="H28" s="14"/>
      <c r="I28" s="14"/>
    </row>
    <row r="29" spans="2:9" s="9" customFormat="1" ht="20.100000000000001" customHeight="1" x14ac:dyDescent="0.25">
      <c r="B29" s="151" t="s">
        <v>19</v>
      </c>
      <c r="C29" s="152"/>
      <c r="D29" s="60"/>
      <c r="E29" s="60"/>
      <c r="F29" s="60"/>
      <c r="G29" s="14"/>
      <c r="H29" s="14"/>
      <c r="I29" s="14"/>
    </row>
    <row r="30" spans="2:9" s="9" customFormat="1" ht="31.5" customHeight="1" x14ac:dyDescent="0.25">
      <c r="B30" s="17" t="s">
        <v>20</v>
      </c>
      <c r="C30" s="182" t="s">
        <v>13</v>
      </c>
      <c r="D30" s="183"/>
      <c r="E30" s="183"/>
      <c r="F30" s="183"/>
      <c r="G30" s="184"/>
      <c r="H30" s="18" t="s">
        <v>12</v>
      </c>
      <c r="I30" s="18" t="s">
        <v>14</v>
      </c>
    </row>
    <row r="31" spans="2:9" s="9" customFormat="1" ht="24.95" customHeight="1" x14ac:dyDescent="0.25">
      <c r="B31" s="43" t="s">
        <v>2</v>
      </c>
      <c r="C31" s="112" t="s">
        <v>161</v>
      </c>
      <c r="D31" s="113"/>
      <c r="E31" s="113"/>
      <c r="F31" s="113"/>
      <c r="G31" s="114"/>
      <c r="H31" s="16" t="s">
        <v>1</v>
      </c>
      <c r="I31" s="44">
        <v>1</v>
      </c>
    </row>
    <row r="32" spans="2:9" s="9" customFormat="1" ht="24.95" customHeight="1" x14ac:dyDescent="0.25">
      <c r="B32" s="43" t="s">
        <v>90</v>
      </c>
      <c r="C32" s="112" t="s">
        <v>162</v>
      </c>
      <c r="D32" s="113"/>
      <c r="E32" s="113"/>
      <c r="F32" s="113"/>
      <c r="G32" s="114"/>
      <c r="H32" s="66" t="s">
        <v>1</v>
      </c>
      <c r="I32" s="44">
        <v>1</v>
      </c>
    </row>
    <row r="33" spans="2:10" s="9" customFormat="1" ht="24.95" customHeight="1" x14ac:dyDescent="0.25">
      <c r="B33" s="43" t="s">
        <v>159</v>
      </c>
      <c r="C33" s="112" t="s">
        <v>163</v>
      </c>
      <c r="D33" s="113"/>
      <c r="E33" s="113"/>
      <c r="F33" s="113"/>
      <c r="G33" s="114"/>
      <c r="H33" s="66" t="s">
        <v>1</v>
      </c>
      <c r="I33" s="44">
        <v>150</v>
      </c>
    </row>
    <row r="34" spans="2:10" s="9" customFormat="1" ht="24.95" customHeight="1" x14ac:dyDescent="0.25">
      <c r="B34" s="43" t="s">
        <v>160</v>
      </c>
      <c r="C34" s="112" t="s">
        <v>319</v>
      </c>
      <c r="D34" s="113"/>
      <c r="E34" s="113"/>
      <c r="F34" s="113"/>
      <c r="G34" s="114"/>
      <c r="H34" s="16" t="s">
        <v>91</v>
      </c>
      <c r="I34" s="44">
        <v>60</v>
      </c>
    </row>
    <row r="35" spans="2:10" s="9" customFormat="1" ht="4.5" customHeight="1" x14ac:dyDescent="0.25">
      <c r="B35" s="14"/>
      <c r="C35" s="14"/>
      <c r="D35" s="59"/>
      <c r="E35" s="59"/>
      <c r="F35" s="59"/>
      <c r="G35" s="14"/>
      <c r="H35" s="14"/>
      <c r="I35" s="14"/>
    </row>
    <row r="36" spans="2:10" s="9" customFormat="1" ht="20.100000000000001" customHeight="1" x14ac:dyDescent="0.25">
      <c r="B36" s="151" t="s">
        <v>21</v>
      </c>
      <c r="C36" s="152"/>
      <c r="D36" s="60"/>
      <c r="E36" s="60"/>
      <c r="F36" s="60"/>
      <c r="G36" s="14"/>
      <c r="H36" s="14"/>
      <c r="I36" s="14"/>
    </row>
    <row r="37" spans="2:10" s="9" customFormat="1" ht="20.100000000000001" customHeight="1" x14ac:dyDescent="0.2">
      <c r="B37" s="10"/>
      <c r="C37" s="9" t="s">
        <v>3</v>
      </c>
      <c r="G37" s="14"/>
      <c r="H37" s="14"/>
      <c r="I37" s="14"/>
    </row>
    <row r="38" spans="2:10" s="9" customFormat="1" ht="20.100000000000001" customHeight="1" x14ac:dyDescent="0.25">
      <c r="B38" s="13"/>
      <c r="C38" s="2" t="s">
        <v>4</v>
      </c>
      <c r="D38" s="2"/>
      <c r="E38" s="2"/>
      <c r="F38" s="2"/>
      <c r="G38" s="14"/>
      <c r="H38" s="14"/>
      <c r="I38" s="14"/>
    </row>
    <row r="39" spans="2:10" ht="5.0999999999999996" customHeight="1" x14ac:dyDescent="0.2"/>
    <row r="40" spans="2:10" s="2" customFormat="1" ht="20.100000000000001" customHeight="1" x14ac:dyDescent="0.25">
      <c r="B40" s="126" t="s">
        <v>26</v>
      </c>
      <c r="C40" s="126"/>
      <c r="D40" s="126"/>
      <c r="E40" s="126"/>
      <c r="F40" s="126"/>
      <c r="G40" s="126"/>
      <c r="H40" s="126"/>
      <c r="I40" s="126"/>
    </row>
    <row r="41" spans="2:10" s="2" customFormat="1" ht="5.0999999999999996" customHeight="1" thickBot="1" x14ac:dyDescent="0.3">
      <c r="B41" s="15"/>
      <c r="G41" s="6"/>
      <c r="H41" s="6"/>
      <c r="I41" s="6"/>
    </row>
    <row r="42" spans="2:10" s="3" customFormat="1" ht="93" customHeight="1" x14ac:dyDescent="0.25">
      <c r="B42" s="127" t="s">
        <v>0</v>
      </c>
      <c r="C42" s="128"/>
      <c r="D42" s="128"/>
      <c r="E42" s="128"/>
      <c r="F42" s="191"/>
      <c r="G42" s="131" t="s">
        <v>28</v>
      </c>
      <c r="H42" s="132"/>
      <c r="I42" s="133"/>
      <c r="J42" s="23"/>
    </row>
    <row r="43" spans="2:10" s="3" customFormat="1" ht="30" customHeight="1" thickBot="1" x14ac:dyDescent="0.3">
      <c r="B43" s="129"/>
      <c r="C43" s="130"/>
      <c r="D43" s="130"/>
      <c r="E43" s="130"/>
      <c r="F43" s="192"/>
      <c r="G43" s="24" t="s">
        <v>29</v>
      </c>
      <c r="H43" s="164" t="s">
        <v>30</v>
      </c>
      <c r="I43" s="165"/>
    </row>
    <row r="44" spans="2:10" s="25" customFormat="1" ht="30.75" customHeight="1" x14ac:dyDescent="0.25">
      <c r="B44" s="107" t="s">
        <v>164</v>
      </c>
      <c r="C44" s="108"/>
      <c r="D44" s="70" t="s">
        <v>165</v>
      </c>
      <c r="E44" s="70" t="s">
        <v>166</v>
      </c>
      <c r="F44" s="70" t="s">
        <v>167</v>
      </c>
      <c r="G44" s="109" t="s">
        <v>156</v>
      </c>
      <c r="H44" s="110"/>
      <c r="I44" s="111"/>
    </row>
    <row r="45" spans="2:10" s="4" customFormat="1" ht="99" customHeight="1" x14ac:dyDescent="0.25">
      <c r="B45" s="79" t="s">
        <v>16</v>
      </c>
      <c r="C45" s="87" t="s">
        <v>168</v>
      </c>
      <c r="D45" s="88"/>
      <c r="E45" s="88"/>
      <c r="F45" s="89"/>
      <c r="G45" s="47"/>
      <c r="H45" s="153"/>
      <c r="I45" s="154"/>
    </row>
    <row r="46" spans="2:10" s="4" customFormat="1" ht="24.95" customHeight="1" x14ac:dyDescent="0.25">
      <c r="B46" s="79" t="s">
        <v>58</v>
      </c>
      <c r="C46" s="87" t="s">
        <v>169</v>
      </c>
      <c r="D46" s="88"/>
      <c r="E46" s="88"/>
      <c r="F46" s="89"/>
      <c r="G46" s="47"/>
      <c r="H46" s="153"/>
      <c r="I46" s="154"/>
    </row>
    <row r="47" spans="2:10" s="4" customFormat="1" ht="24.95" customHeight="1" x14ac:dyDescent="0.25">
      <c r="B47" s="80" t="s">
        <v>70</v>
      </c>
      <c r="C47" s="87" t="s">
        <v>170</v>
      </c>
      <c r="D47" s="88"/>
      <c r="E47" s="88"/>
      <c r="F47" s="89"/>
      <c r="G47" s="47"/>
      <c r="H47" s="153"/>
      <c r="I47" s="154"/>
    </row>
    <row r="48" spans="2:10" s="4" customFormat="1" ht="24.95" customHeight="1" x14ac:dyDescent="0.25">
      <c r="B48" s="80" t="s">
        <v>71</v>
      </c>
      <c r="C48" s="87" t="s">
        <v>171</v>
      </c>
      <c r="D48" s="88"/>
      <c r="E48" s="88"/>
      <c r="F48" s="89"/>
      <c r="G48" s="47"/>
      <c r="H48" s="153"/>
      <c r="I48" s="154"/>
    </row>
    <row r="49" spans="2:9" s="4" customFormat="1" ht="24.95" customHeight="1" x14ac:dyDescent="0.25">
      <c r="B49" s="80" t="s">
        <v>82</v>
      </c>
      <c r="C49" s="87" t="s">
        <v>172</v>
      </c>
      <c r="D49" s="88"/>
      <c r="E49" s="88"/>
      <c r="F49" s="89"/>
      <c r="G49" s="47"/>
      <c r="H49" s="153"/>
      <c r="I49" s="154"/>
    </row>
    <row r="50" spans="2:9" s="4" customFormat="1" ht="24.95" customHeight="1" x14ac:dyDescent="0.25">
      <c r="B50" s="80" t="s">
        <v>83</v>
      </c>
      <c r="C50" s="87" t="s">
        <v>173</v>
      </c>
      <c r="D50" s="88"/>
      <c r="E50" s="88"/>
      <c r="F50" s="89"/>
      <c r="G50" s="47"/>
      <c r="H50" s="153"/>
      <c r="I50" s="154"/>
    </row>
    <row r="51" spans="2:9" s="4" customFormat="1" ht="24.95" customHeight="1" x14ac:dyDescent="0.25">
      <c r="B51" s="80" t="s">
        <v>84</v>
      </c>
      <c r="C51" s="87" t="s">
        <v>174</v>
      </c>
      <c r="D51" s="88"/>
      <c r="E51" s="88"/>
      <c r="F51" s="89"/>
      <c r="G51" s="47"/>
      <c r="H51" s="153"/>
      <c r="I51" s="154"/>
    </row>
    <row r="52" spans="2:9" s="4" customFormat="1" ht="24.95" customHeight="1" x14ac:dyDescent="0.25">
      <c r="B52" s="80" t="s">
        <v>85</v>
      </c>
      <c r="C52" s="87" t="s">
        <v>175</v>
      </c>
      <c r="D52" s="88"/>
      <c r="E52" s="88"/>
      <c r="F52" s="89"/>
      <c r="G52" s="47"/>
      <c r="H52" s="153"/>
      <c r="I52" s="154"/>
    </row>
    <row r="53" spans="2:9" s="4" customFormat="1" ht="24.95" customHeight="1" x14ac:dyDescent="0.25">
      <c r="B53" s="80" t="s">
        <v>176</v>
      </c>
      <c r="C53" s="87" t="s">
        <v>177</v>
      </c>
      <c r="D53" s="88"/>
      <c r="E53" s="88"/>
      <c r="F53" s="89"/>
      <c r="G53" s="47"/>
      <c r="H53" s="153"/>
      <c r="I53" s="154"/>
    </row>
    <row r="54" spans="2:9" s="4" customFormat="1" ht="30" customHeight="1" x14ac:dyDescent="0.25">
      <c r="B54" s="79" t="s">
        <v>59</v>
      </c>
      <c r="C54" s="71" t="s">
        <v>178</v>
      </c>
      <c r="D54" s="72" t="s">
        <v>179</v>
      </c>
      <c r="E54" s="72">
        <v>20</v>
      </c>
      <c r="F54" s="72">
        <v>120</v>
      </c>
      <c r="G54" s="47"/>
      <c r="H54" s="105"/>
      <c r="I54" s="106"/>
    </row>
    <row r="55" spans="2:9" s="4" customFormat="1" ht="24.95" customHeight="1" x14ac:dyDescent="0.25">
      <c r="B55" s="79" t="s">
        <v>60</v>
      </c>
      <c r="C55" s="71" t="s">
        <v>180</v>
      </c>
      <c r="D55" s="72" t="s">
        <v>181</v>
      </c>
      <c r="E55" s="72">
        <v>0</v>
      </c>
      <c r="F55" s="72">
        <v>240</v>
      </c>
      <c r="G55" s="55"/>
      <c r="H55" s="172"/>
      <c r="I55" s="173"/>
    </row>
    <row r="56" spans="2:9" s="4" customFormat="1" ht="24.95" customHeight="1" x14ac:dyDescent="0.25">
      <c r="B56" s="79" t="s">
        <v>61</v>
      </c>
      <c r="C56" s="71" t="s">
        <v>182</v>
      </c>
      <c r="D56" s="72" t="s">
        <v>181</v>
      </c>
      <c r="E56" s="72">
        <v>0</v>
      </c>
      <c r="F56" s="72">
        <v>3.75</v>
      </c>
      <c r="G56" s="47"/>
      <c r="H56" s="153"/>
      <c r="I56" s="154"/>
    </row>
    <row r="57" spans="2:9" s="4" customFormat="1" ht="24.95" customHeight="1" x14ac:dyDescent="0.25">
      <c r="B57" s="79" t="s">
        <v>62</v>
      </c>
      <c r="C57" s="71" t="s">
        <v>183</v>
      </c>
      <c r="D57" s="87" t="s">
        <v>184</v>
      </c>
      <c r="E57" s="88"/>
      <c r="F57" s="89"/>
      <c r="G57" s="56"/>
      <c r="H57" s="166"/>
      <c r="I57" s="167"/>
    </row>
    <row r="58" spans="2:9" s="4" customFormat="1" ht="24.95" customHeight="1" x14ac:dyDescent="0.25">
      <c r="B58" s="79" t="s">
        <v>72</v>
      </c>
      <c r="C58" s="73" t="s">
        <v>185</v>
      </c>
      <c r="D58" s="74" t="s">
        <v>186</v>
      </c>
      <c r="E58" s="74" t="s">
        <v>187</v>
      </c>
      <c r="F58" s="74">
        <v>20</v>
      </c>
      <c r="G58" s="57"/>
      <c r="H58" s="168"/>
      <c r="I58" s="169"/>
    </row>
    <row r="59" spans="2:9" s="4" customFormat="1" ht="24.95" customHeight="1" x14ac:dyDescent="0.25">
      <c r="B59" s="79" t="s">
        <v>63</v>
      </c>
      <c r="C59" s="73" t="s">
        <v>188</v>
      </c>
      <c r="D59" s="74" t="s">
        <v>189</v>
      </c>
      <c r="E59" s="74" t="s">
        <v>187</v>
      </c>
      <c r="F59" s="74">
        <v>3333</v>
      </c>
      <c r="G59" s="47"/>
      <c r="H59" s="105"/>
      <c r="I59" s="106"/>
    </row>
    <row r="60" spans="2:9" s="4" customFormat="1" ht="24.95" customHeight="1" x14ac:dyDescent="0.25">
      <c r="B60" s="79" t="s">
        <v>64</v>
      </c>
      <c r="C60" s="73" t="s">
        <v>190</v>
      </c>
      <c r="D60" s="74" t="s">
        <v>191</v>
      </c>
      <c r="E60" s="74" t="s">
        <v>187</v>
      </c>
      <c r="F60" s="74">
        <v>57</v>
      </c>
      <c r="G60" s="47"/>
      <c r="H60" s="105"/>
      <c r="I60" s="106"/>
    </row>
    <row r="61" spans="2:9" s="4" customFormat="1" ht="30" customHeight="1" x14ac:dyDescent="0.25">
      <c r="B61" s="79" t="s">
        <v>65</v>
      </c>
      <c r="C61" s="73" t="s">
        <v>192</v>
      </c>
      <c r="D61" s="74" t="s">
        <v>179</v>
      </c>
      <c r="E61" s="74">
        <v>20</v>
      </c>
      <c r="F61" s="74">
        <v>120</v>
      </c>
      <c r="G61" s="47"/>
      <c r="H61" s="153"/>
      <c r="I61" s="154"/>
    </row>
    <row r="62" spans="2:9" s="4" customFormat="1" ht="24.95" customHeight="1" x14ac:dyDescent="0.25">
      <c r="B62" s="79" t="s">
        <v>66</v>
      </c>
      <c r="C62" s="75" t="s">
        <v>193</v>
      </c>
      <c r="D62" s="193" t="s">
        <v>194</v>
      </c>
      <c r="E62" s="194"/>
      <c r="F62" s="195"/>
      <c r="G62" s="56"/>
      <c r="H62" s="166"/>
      <c r="I62" s="167"/>
    </row>
    <row r="63" spans="2:9" s="4" customFormat="1" ht="24.95" customHeight="1" x14ac:dyDescent="0.25">
      <c r="B63" s="79" t="s">
        <v>73</v>
      </c>
      <c r="C63" s="73" t="s">
        <v>195</v>
      </c>
      <c r="D63" s="74" t="s">
        <v>186</v>
      </c>
      <c r="E63" s="74" t="s">
        <v>187</v>
      </c>
      <c r="F63" s="74">
        <v>15</v>
      </c>
      <c r="G63" s="47"/>
      <c r="H63" s="153"/>
      <c r="I63" s="154"/>
    </row>
    <row r="64" spans="2:9" s="4" customFormat="1" ht="24.95" customHeight="1" x14ac:dyDescent="0.25">
      <c r="B64" s="79" t="s">
        <v>196</v>
      </c>
      <c r="C64" s="73" t="s">
        <v>197</v>
      </c>
      <c r="D64" s="74" t="s">
        <v>198</v>
      </c>
      <c r="E64" s="74">
        <v>0</v>
      </c>
      <c r="F64" s="74">
        <v>55</v>
      </c>
      <c r="G64" s="47"/>
      <c r="H64" s="153"/>
      <c r="I64" s="154"/>
    </row>
    <row r="65" spans="2:9" s="4" customFormat="1" ht="24.95" customHeight="1" x14ac:dyDescent="0.25">
      <c r="B65" s="79" t="s">
        <v>67</v>
      </c>
      <c r="C65" s="73" t="s">
        <v>199</v>
      </c>
      <c r="D65" s="74" t="s">
        <v>200</v>
      </c>
      <c r="E65" s="74" t="s">
        <v>201</v>
      </c>
      <c r="F65" s="74"/>
      <c r="G65" s="47"/>
      <c r="H65" s="105"/>
      <c r="I65" s="106"/>
    </row>
    <row r="66" spans="2:9" s="4" customFormat="1" ht="30" customHeight="1" x14ac:dyDescent="0.25">
      <c r="B66" s="79" t="s">
        <v>75</v>
      </c>
      <c r="C66" s="73" t="s">
        <v>202</v>
      </c>
      <c r="D66" s="74" t="s">
        <v>186</v>
      </c>
      <c r="E66" s="74" t="s">
        <v>187</v>
      </c>
      <c r="F66" s="74">
        <v>15</v>
      </c>
      <c r="G66" s="47"/>
      <c r="H66" s="153"/>
      <c r="I66" s="154"/>
    </row>
    <row r="67" spans="2:9" s="4" customFormat="1" ht="30" customHeight="1" x14ac:dyDescent="0.25">
      <c r="B67" s="79" t="s">
        <v>133</v>
      </c>
      <c r="C67" s="75" t="s">
        <v>203</v>
      </c>
      <c r="D67" s="87" t="s">
        <v>204</v>
      </c>
      <c r="E67" s="88"/>
      <c r="F67" s="89"/>
      <c r="G67" s="47"/>
      <c r="H67" s="153"/>
      <c r="I67" s="154"/>
    </row>
    <row r="68" spans="2:9" s="4" customFormat="1" ht="24.95" customHeight="1" x14ac:dyDescent="0.25">
      <c r="B68" s="79" t="s">
        <v>76</v>
      </c>
      <c r="C68" s="73" t="s">
        <v>205</v>
      </c>
      <c r="D68" s="74" t="s">
        <v>186</v>
      </c>
      <c r="E68" s="74" t="s">
        <v>187</v>
      </c>
      <c r="F68" s="74">
        <v>150</v>
      </c>
      <c r="G68" s="57"/>
      <c r="H68" s="168"/>
      <c r="I68" s="169"/>
    </row>
    <row r="69" spans="2:9" s="4" customFormat="1" ht="43.5" customHeight="1" x14ac:dyDescent="0.25">
      <c r="B69" s="79" t="s">
        <v>77</v>
      </c>
      <c r="C69" s="118" t="s">
        <v>206</v>
      </c>
      <c r="D69" s="119"/>
      <c r="E69" s="119"/>
      <c r="F69" s="120"/>
      <c r="G69" s="47"/>
      <c r="H69" s="105"/>
      <c r="I69" s="106"/>
    </row>
    <row r="70" spans="2:9" s="4" customFormat="1" ht="24.95" customHeight="1" x14ac:dyDescent="0.25">
      <c r="B70" s="79" t="s">
        <v>78</v>
      </c>
      <c r="C70" s="118" t="s">
        <v>207</v>
      </c>
      <c r="D70" s="119"/>
      <c r="E70" s="119"/>
      <c r="F70" s="120"/>
      <c r="G70" s="47"/>
      <c r="H70" s="105"/>
      <c r="I70" s="106"/>
    </row>
    <row r="71" spans="2:9" s="4" customFormat="1" ht="30" customHeight="1" x14ac:dyDescent="0.25">
      <c r="B71" s="80" t="s">
        <v>208</v>
      </c>
      <c r="C71" s="118" t="s">
        <v>209</v>
      </c>
      <c r="D71" s="119"/>
      <c r="E71" s="119"/>
      <c r="F71" s="120"/>
      <c r="G71" s="47"/>
      <c r="H71" s="105"/>
      <c r="I71" s="106"/>
    </row>
    <row r="72" spans="2:9" s="4" customFormat="1" ht="24.95" customHeight="1" x14ac:dyDescent="0.25">
      <c r="B72" s="80" t="s">
        <v>210</v>
      </c>
      <c r="C72" s="118" t="s">
        <v>171</v>
      </c>
      <c r="D72" s="119"/>
      <c r="E72" s="119"/>
      <c r="F72" s="120"/>
      <c r="G72" s="47"/>
      <c r="H72" s="105"/>
      <c r="I72" s="106"/>
    </row>
    <row r="73" spans="2:9" s="4" customFormat="1" ht="24.95" customHeight="1" x14ac:dyDescent="0.25">
      <c r="B73" s="80" t="s">
        <v>211</v>
      </c>
      <c r="C73" s="118" t="s">
        <v>172</v>
      </c>
      <c r="D73" s="119"/>
      <c r="E73" s="119"/>
      <c r="F73" s="120"/>
      <c r="G73" s="47"/>
      <c r="H73" s="105"/>
      <c r="I73" s="106"/>
    </row>
    <row r="74" spans="2:9" s="4" customFormat="1" ht="24.95" customHeight="1" x14ac:dyDescent="0.25">
      <c r="B74" s="80" t="s">
        <v>212</v>
      </c>
      <c r="C74" s="118" t="s">
        <v>213</v>
      </c>
      <c r="D74" s="119"/>
      <c r="E74" s="119"/>
      <c r="F74" s="120"/>
      <c r="G74" s="47"/>
      <c r="H74" s="105"/>
      <c r="I74" s="106"/>
    </row>
    <row r="75" spans="2:9" s="4" customFormat="1" ht="24.95" customHeight="1" x14ac:dyDescent="0.25">
      <c r="B75" s="80" t="s">
        <v>214</v>
      </c>
      <c r="C75" s="118" t="s">
        <v>215</v>
      </c>
      <c r="D75" s="119"/>
      <c r="E75" s="119"/>
      <c r="F75" s="120"/>
      <c r="G75" s="47"/>
      <c r="H75" s="105"/>
      <c r="I75" s="106"/>
    </row>
    <row r="76" spans="2:9" s="4" customFormat="1" ht="30" customHeight="1" x14ac:dyDescent="0.25">
      <c r="B76" s="79" t="s">
        <v>79</v>
      </c>
      <c r="C76" s="118" t="s">
        <v>216</v>
      </c>
      <c r="D76" s="119"/>
      <c r="E76" s="119"/>
      <c r="F76" s="120"/>
      <c r="G76" s="47"/>
      <c r="H76" s="105"/>
      <c r="I76" s="106"/>
    </row>
    <row r="77" spans="2:9" s="4" customFormat="1" ht="24.95" customHeight="1" x14ac:dyDescent="0.25">
      <c r="B77" s="79" t="s">
        <v>137</v>
      </c>
      <c r="C77" s="118" t="s">
        <v>217</v>
      </c>
      <c r="D77" s="119"/>
      <c r="E77" s="119"/>
      <c r="F77" s="120"/>
      <c r="G77" s="47"/>
      <c r="H77" s="105"/>
      <c r="I77" s="106"/>
    </row>
    <row r="78" spans="2:9" s="4" customFormat="1" ht="24.95" customHeight="1" x14ac:dyDescent="0.25">
      <c r="B78" s="79" t="s">
        <v>80</v>
      </c>
      <c r="C78" s="118" t="s">
        <v>218</v>
      </c>
      <c r="D78" s="119"/>
      <c r="E78" s="119"/>
      <c r="F78" s="120"/>
      <c r="G78" s="47"/>
      <c r="H78" s="105"/>
      <c r="I78" s="106"/>
    </row>
    <row r="79" spans="2:9" s="4" customFormat="1" ht="43.5" customHeight="1" x14ac:dyDescent="0.25">
      <c r="B79" s="79" t="s">
        <v>81</v>
      </c>
      <c r="C79" s="118" t="s">
        <v>219</v>
      </c>
      <c r="D79" s="119"/>
      <c r="E79" s="119"/>
      <c r="F79" s="120"/>
      <c r="G79" s="47"/>
      <c r="H79" s="105"/>
      <c r="I79" s="106"/>
    </row>
    <row r="80" spans="2:9" s="4" customFormat="1" ht="30" customHeight="1" x14ac:dyDescent="0.25">
      <c r="B80" s="79" t="s">
        <v>86</v>
      </c>
      <c r="C80" s="118" t="s">
        <v>220</v>
      </c>
      <c r="D80" s="119"/>
      <c r="E80" s="119"/>
      <c r="F80" s="120"/>
      <c r="G80" s="47"/>
      <c r="H80" s="105"/>
      <c r="I80" s="106"/>
    </row>
    <row r="81" spans="2:9" s="4" customFormat="1" ht="30" customHeight="1" x14ac:dyDescent="0.25">
      <c r="B81" s="79" t="s">
        <v>87</v>
      </c>
      <c r="C81" s="118" t="s">
        <v>221</v>
      </c>
      <c r="D81" s="119"/>
      <c r="E81" s="119"/>
      <c r="F81" s="120"/>
      <c r="G81" s="47"/>
      <c r="H81" s="105"/>
      <c r="I81" s="106"/>
    </row>
    <row r="82" spans="2:9" s="4" customFormat="1" ht="24.95" customHeight="1" x14ac:dyDescent="0.25">
      <c r="B82" s="79" t="s">
        <v>92</v>
      </c>
      <c r="C82" s="118" t="s">
        <v>222</v>
      </c>
      <c r="D82" s="119"/>
      <c r="E82" s="119"/>
      <c r="F82" s="120"/>
      <c r="G82" s="47"/>
      <c r="H82" s="105"/>
      <c r="I82" s="106"/>
    </row>
    <row r="83" spans="2:9" s="4" customFormat="1" ht="24.95" customHeight="1" x14ac:dyDescent="0.25">
      <c r="B83" s="79" t="s">
        <v>93</v>
      </c>
      <c r="C83" s="118" t="s">
        <v>223</v>
      </c>
      <c r="D83" s="119"/>
      <c r="E83" s="119"/>
      <c r="F83" s="120"/>
      <c r="G83" s="47"/>
      <c r="H83" s="105"/>
      <c r="I83" s="106"/>
    </row>
    <row r="84" spans="2:9" s="4" customFormat="1" ht="43.5" customHeight="1" x14ac:dyDescent="0.25">
      <c r="B84" s="79" t="s">
        <v>94</v>
      </c>
      <c r="C84" s="118" t="s">
        <v>224</v>
      </c>
      <c r="D84" s="119"/>
      <c r="E84" s="119"/>
      <c r="F84" s="120"/>
      <c r="G84" s="47"/>
      <c r="H84" s="105"/>
      <c r="I84" s="106"/>
    </row>
    <row r="85" spans="2:9" s="4" customFormat="1" ht="30" customHeight="1" x14ac:dyDescent="0.25">
      <c r="B85" s="79" t="s">
        <v>95</v>
      </c>
      <c r="C85" s="118" t="s">
        <v>225</v>
      </c>
      <c r="D85" s="119"/>
      <c r="E85" s="119"/>
      <c r="F85" s="120"/>
      <c r="G85" s="47"/>
      <c r="H85" s="105"/>
      <c r="I85" s="106"/>
    </row>
    <row r="86" spans="2:9" s="4" customFormat="1" ht="30" customHeight="1" x14ac:dyDescent="0.25">
      <c r="B86" s="79" t="s">
        <v>96</v>
      </c>
      <c r="C86" s="118" t="s">
        <v>226</v>
      </c>
      <c r="D86" s="119"/>
      <c r="E86" s="119"/>
      <c r="F86" s="120"/>
      <c r="G86" s="55"/>
      <c r="H86" s="105"/>
      <c r="I86" s="106"/>
    </row>
    <row r="87" spans="2:9" s="4" customFormat="1" ht="30" customHeight="1" x14ac:dyDescent="0.25">
      <c r="B87" s="79" t="s">
        <v>97</v>
      </c>
      <c r="C87" s="118" t="s">
        <v>227</v>
      </c>
      <c r="D87" s="119"/>
      <c r="E87" s="119"/>
      <c r="F87" s="120"/>
      <c r="G87" s="56"/>
      <c r="H87" s="105"/>
      <c r="I87" s="106"/>
    </row>
    <row r="88" spans="2:9" s="4" customFormat="1" ht="24.95" customHeight="1" x14ac:dyDescent="0.25">
      <c r="B88" s="79" t="s">
        <v>98</v>
      </c>
      <c r="C88" s="118" t="s">
        <v>228</v>
      </c>
      <c r="D88" s="119"/>
      <c r="E88" s="119"/>
      <c r="F88" s="120"/>
      <c r="G88" s="56"/>
      <c r="H88" s="105"/>
      <c r="I88" s="106"/>
    </row>
    <row r="89" spans="2:9" s="4" customFormat="1" ht="24.95" customHeight="1" thickBot="1" x14ac:dyDescent="0.3">
      <c r="B89" s="79" t="s">
        <v>144</v>
      </c>
      <c r="C89" s="118" t="s">
        <v>229</v>
      </c>
      <c r="D89" s="119"/>
      <c r="E89" s="119"/>
      <c r="F89" s="120"/>
      <c r="G89" s="57"/>
      <c r="H89" s="105"/>
      <c r="I89" s="106"/>
    </row>
    <row r="90" spans="2:9" s="25" customFormat="1" ht="30.75" customHeight="1" x14ac:dyDescent="0.25">
      <c r="B90" s="107" t="s">
        <v>230</v>
      </c>
      <c r="C90" s="108"/>
      <c r="D90" s="70" t="s">
        <v>165</v>
      </c>
      <c r="E90" s="70" t="s">
        <v>166</v>
      </c>
      <c r="F90" s="70" t="s">
        <v>167</v>
      </c>
      <c r="G90" s="109" t="s">
        <v>156</v>
      </c>
      <c r="H90" s="110"/>
      <c r="I90" s="111"/>
    </row>
    <row r="91" spans="2:9" s="4" customFormat="1" ht="71.25" customHeight="1" x14ac:dyDescent="0.25">
      <c r="B91" s="79" t="s">
        <v>16</v>
      </c>
      <c r="C91" s="87" t="s">
        <v>231</v>
      </c>
      <c r="D91" s="88"/>
      <c r="E91" s="88"/>
      <c r="F91" s="89"/>
      <c r="G91" s="76"/>
      <c r="H91" s="105"/>
      <c r="I91" s="106"/>
    </row>
    <row r="92" spans="2:9" s="4" customFormat="1" ht="48.75" customHeight="1" x14ac:dyDescent="0.25">
      <c r="B92" s="79" t="s">
        <v>58</v>
      </c>
      <c r="C92" s="87" t="s">
        <v>232</v>
      </c>
      <c r="D92" s="88"/>
      <c r="E92" s="88"/>
      <c r="F92" s="89"/>
      <c r="G92" s="76"/>
      <c r="H92" s="105"/>
      <c r="I92" s="106"/>
    </row>
    <row r="93" spans="2:9" s="4" customFormat="1" ht="30" customHeight="1" x14ac:dyDescent="0.25">
      <c r="B93" s="79" t="s">
        <v>59</v>
      </c>
      <c r="C93" s="87" t="s">
        <v>233</v>
      </c>
      <c r="D93" s="88"/>
      <c r="E93" s="88"/>
      <c r="F93" s="89"/>
      <c r="G93" s="76"/>
      <c r="H93" s="105"/>
      <c r="I93" s="106"/>
    </row>
    <row r="94" spans="2:9" s="4" customFormat="1" ht="24.95" customHeight="1" x14ac:dyDescent="0.25">
      <c r="B94" s="79" t="s">
        <v>60</v>
      </c>
      <c r="C94" s="118" t="s">
        <v>234</v>
      </c>
      <c r="D94" s="119"/>
      <c r="E94" s="119"/>
      <c r="F94" s="120"/>
      <c r="G94" s="76"/>
      <c r="H94" s="105"/>
      <c r="I94" s="106"/>
    </row>
    <row r="95" spans="2:9" s="4" customFormat="1" ht="30" customHeight="1" x14ac:dyDescent="0.25">
      <c r="B95" s="79" t="s">
        <v>61</v>
      </c>
      <c r="C95" s="73" t="s">
        <v>235</v>
      </c>
      <c r="D95" s="74" t="s">
        <v>236</v>
      </c>
      <c r="E95" s="74">
        <v>0</v>
      </c>
      <c r="F95" s="74">
        <v>0.1</v>
      </c>
      <c r="G95" s="76"/>
      <c r="H95" s="105"/>
      <c r="I95" s="106"/>
    </row>
    <row r="96" spans="2:9" s="4" customFormat="1" ht="24.95" customHeight="1" x14ac:dyDescent="0.25">
      <c r="B96" s="79" t="s">
        <v>62</v>
      </c>
      <c r="C96" s="73" t="s">
        <v>237</v>
      </c>
      <c r="D96" s="115" t="s">
        <v>238</v>
      </c>
      <c r="E96" s="116"/>
      <c r="F96" s="117"/>
      <c r="G96" s="76"/>
      <c r="H96" s="105"/>
      <c r="I96" s="106"/>
    </row>
    <row r="97" spans="2:9" s="4" customFormat="1" ht="24.95" customHeight="1" x14ac:dyDescent="0.25">
      <c r="B97" s="79" t="s">
        <v>72</v>
      </c>
      <c r="C97" s="73" t="s">
        <v>239</v>
      </c>
      <c r="D97" s="115" t="s">
        <v>240</v>
      </c>
      <c r="E97" s="116"/>
      <c r="F97" s="117"/>
      <c r="G97" s="76"/>
      <c r="H97" s="105"/>
      <c r="I97" s="106"/>
    </row>
    <row r="98" spans="2:9" s="4" customFormat="1" ht="24.95" customHeight="1" x14ac:dyDescent="0.25">
      <c r="B98" s="79" t="s">
        <v>63</v>
      </c>
      <c r="C98" s="73" t="s">
        <v>241</v>
      </c>
      <c r="D98" s="115" t="s">
        <v>242</v>
      </c>
      <c r="E98" s="116"/>
      <c r="F98" s="117"/>
      <c r="G98" s="76"/>
      <c r="H98" s="105"/>
      <c r="I98" s="106"/>
    </row>
    <row r="99" spans="2:9" s="4" customFormat="1" ht="24.95" customHeight="1" x14ac:dyDescent="0.25">
      <c r="B99" s="79" t="s">
        <v>64</v>
      </c>
      <c r="C99" s="73" t="s">
        <v>243</v>
      </c>
      <c r="D99" s="77" t="s">
        <v>244</v>
      </c>
      <c r="E99" s="74" t="s">
        <v>245</v>
      </c>
      <c r="F99" s="74" t="s">
        <v>246</v>
      </c>
      <c r="G99" s="76"/>
      <c r="H99" s="105"/>
      <c r="I99" s="106"/>
    </row>
    <row r="100" spans="2:9" s="4" customFormat="1" ht="24.95" customHeight="1" x14ac:dyDescent="0.25">
      <c r="B100" s="79" t="s">
        <v>65</v>
      </c>
      <c r="C100" s="73" t="s">
        <v>247</v>
      </c>
      <c r="D100" s="115" t="s">
        <v>248</v>
      </c>
      <c r="E100" s="116"/>
      <c r="F100" s="117"/>
      <c r="G100" s="76"/>
      <c r="H100" s="105"/>
      <c r="I100" s="106"/>
    </row>
    <row r="101" spans="2:9" s="4" customFormat="1" ht="24.95" customHeight="1" x14ac:dyDescent="0.25">
      <c r="B101" s="79" t="s">
        <v>66</v>
      </c>
      <c r="C101" s="73" t="s">
        <v>249</v>
      </c>
      <c r="D101" s="74" t="s">
        <v>250</v>
      </c>
      <c r="E101" s="74">
        <v>288</v>
      </c>
      <c r="F101" s="74">
        <v>352</v>
      </c>
      <c r="G101" s="76"/>
      <c r="H101" s="105"/>
      <c r="I101" s="106"/>
    </row>
    <row r="102" spans="2:9" s="4" customFormat="1" ht="24.95" customHeight="1" x14ac:dyDescent="0.25">
      <c r="B102" s="79" t="s">
        <v>73</v>
      </c>
      <c r="C102" s="73" t="s">
        <v>251</v>
      </c>
      <c r="D102" s="115" t="s">
        <v>252</v>
      </c>
      <c r="E102" s="116"/>
      <c r="F102" s="117"/>
      <c r="G102" s="76"/>
      <c r="H102" s="105"/>
      <c r="I102" s="106"/>
    </row>
    <row r="103" spans="2:9" s="4" customFormat="1" ht="30" customHeight="1" x14ac:dyDescent="0.25">
      <c r="B103" s="79" t="s">
        <v>74</v>
      </c>
      <c r="C103" s="73" t="s">
        <v>253</v>
      </c>
      <c r="D103" s="77" t="s">
        <v>254</v>
      </c>
      <c r="E103" s="74">
        <v>180</v>
      </c>
      <c r="F103" s="74">
        <v>220</v>
      </c>
      <c r="G103" s="76"/>
      <c r="H103" s="105"/>
      <c r="I103" s="106"/>
    </row>
    <row r="104" spans="2:9" s="4" customFormat="1" ht="24.95" customHeight="1" x14ac:dyDescent="0.25">
      <c r="B104" s="79" t="s">
        <v>67</v>
      </c>
      <c r="C104" s="73" t="s">
        <v>255</v>
      </c>
      <c r="D104" s="74" t="s">
        <v>256</v>
      </c>
      <c r="E104" s="74">
        <v>90</v>
      </c>
      <c r="F104" s="74">
        <v>110</v>
      </c>
      <c r="G104" s="76"/>
      <c r="H104" s="105"/>
      <c r="I104" s="106"/>
    </row>
    <row r="105" spans="2:9" s="4" customFormat="1" ht="24.95" customHeight="1" x14ac:dyDescent="0.25">
      <c r="B105" s="79" t="s">
        <v>75</v>
      </c>
      <c r="C105" s="73" t="s">
        <v>257</v>
      </c>
      <c r="D105" s="115" t="s">
        <v>258</v>
      </c>
      <c r="E105" s="116"/>
      <c r="F105" s="117"/>
      <c r="G105" s="76"/>
      <c r="H105" s="105"/>
      <c r="I105" s="106"/>
    </row>
    <row r="106" spans="2:9" s="4" customFormat="1" ht="24.95" customHeight="1" x14ac:dyDescent="0.25">
      <c r="B106" s="79" t="s">
        <v>133</v>
      </c>
      <c r="C106" s="73" t="s">
        <v>259</v>
      </c>
      <c r="D106" s="74" t="s">
        <v>260</v>
      </c>
      <c r="E106" s="74">
        <v>0</v>
      </c>
      <c r="F106" s="74">
        <v>8</v>
      </c>
      <c r="G106" s="76"/>
      <c r="H106" s="105"/>
      <c r="I106" s="106"/>
    </row>
    <row r="107" spans="2:9" s="4" customFormat="1" ht="24.95" customHeight="1" x14ac:dyDescent="0.25">
      <c r="B107" s="79" t="s">
        <v>76</v>
      </c>
      <c r="C107" s="73" t="s">
        <v>261</v>
      </c>
      <c r="D107" s="74" t="s">
        <v>260</v>
      </c>
      <c r="E107" s="74"/>
      <c r="F107" s="74">
        <v>5</v>
      </c>
      <c r="G107" s="76"/>
      <c r="H107" s="105"/>
      <c r="I107" s="106"/>
    </row>
    <row r="108" spans="2:9" s="4" customFormat="1" ht="24.95" customHeight="1" x14ac:dyDescent="0.25">
      <c r="B108" s="79" t="s">
        <v>77</v>
      </c>
      <c r="C108" s="73" t="s">
        <v>262</v>
      </c>
      <c r="D108" s="115" t="s">
        <v>263</v>
      </c>
      <c r="E108" s="116"/>
      <c r="F108" s="117"/>
      <c r="G108" s="76"/>
      <c r="H108" s="105"/>
      <c r="I108" s="106"/>
    </row>
    <row r="109" spans="2:9" s="4" customFormat="1" ht="24.95" customHeight="1" x14ac:dyDescent="0.25">
      <c r="B109" s="79" t="s">
        <v>78</v>
      </c>
      <c r="C109" s="87" t="s">
        <v>264</v>
      </c>
      <c r="D109" s="88"/>
      <c r="E109" s="88"/>
      <c r="F109" s="89"/>
      <c r="G109" s="76"/>
      <c r="H109" s="105"/>
      <c r="I109" s="106"/>
    </row>
    <row r="110" spans="2:9" s="4" customFormat="1" ht="30" customHeight="1" x14ac:dyDescent="0.25">
      <c r="B110" s="79" t="s">
        <v>79</v>
      </c>
      <c r="C110" s="87" t="s">
        <v>265</v>
      </c>
      <c r="D110" s="88"/>
      <c r="E110" s="88"/>
      <c r="F110" s="89"/>
      <c r="G110" s="76"/>
      <c r="H110" s="105"/>
      <c r="I110" s="106"/>
    </row>
    <row r="111" spans="2:9" s="4" customFormat="1" ht="24.95" customHeight="1" x14ac:dyDescent="0.25">
      <c r="B111" s="79" t="s">
        <v>137</v>
      </c>
      <c r="C111" s="87" t="s">
        <v>266</v>
      </c>
      <c r="D111" s="88"/>
      <c r="E111" s="88"/>
      <c r="F111" s="89"/>
      <c r="G111" s="76"/>
      <c r="H111" s="105"/>
      <c r="I111" s="106"/>
    </row>
    <row r="112" spans="2:9" s="4" customFormat="1" ht="24.95" customHeight="1" x14ac:dyDescent="0.25">
      <c r="B112" s="79" t="s">
        <v>80</v>
      </c>
      <c r="C112" s="87" t="s">
        <v>267</v>
      </c>
      <c r="D112" s="88"/>
      <c r="E112" s="88"/>
      <c r="F112" s="89"/>
      <c r="G112" s="76"/>
      <c r="H112" s="105"/>
      <c r="I112" s="106"/>
    </row>
    <row r="113" spans="2:9" s="4" customFormat="1" ht="24.95" customHeight="1" x14ac:dyDescent="0.25">
      <c r="B113" s="79" t="s">
        <v>81</v>
      </c>
      <c r="C113" s="87" t="s">
        <v>268</v>
      </c>
      <c r="D113" s="88"/>
      <c r="E113" s="88"/>
      <c r="F113" s="89"/>
      <c r="G113" s="76"/>
      <c r="H113" s="105"/>
      <c r="I113" s="106"/>
    </row>
    <row r="114" spans="2:9" s="4" customFormat="1" ht="24.95" customHeight="1" x14ac:dyDescent="0.25">
      <c r="B114" s="79" t="s">
        <v>86</v>
      </c>
      <c r="C114" s="87" t="s">
        <v>269</v>
      </c>
      <c r="D114" s="88"/>
      <c r="E114" s="88"/>
      <c r="F114" s="89"/>
      <c r="G114" s="76"/>
      <c r="H114" s="105"/>
      <c r="I114" s="106"/>
    </row>
    <row r="115" spans="2:9" s="4" customFormat="1" ht="24.95" customHeight="1" x14ac:dyDescent="0.25">
      <c r="B115" s="79" t="s">
        <v>87</v>
      </c>
      <c r="C115" s="87" t="s">
        <v>270</v>
      </c>
      <c r="D115" s="88"/>
      <c r="E115" s="88"/>
      <c r="F115" s="89"/>
      <c r="G115" s="76"/>
      <c r="H115" s="105"/>
      <c r="I115" s="106"/>
    </row>
    <row r="116" spans="2:9" s="4" customFormat="1" ht="30" customHeight="1" x14ac:dyDescent="0.25">
      <c r="B116" s="79" t="s">
        <v>92</v>
      </c>
      <c r="C116" s="87" t="s">
        <v>271</v>
      </c>
      <c r="D116" s="88"/>
      <c r="E116" s="88"/>
      <c r="F116" s="89"/>
      <c r="G116" s="76"/>
      <c r="H116" s="105"/>
      <c r="I116" s="106"/>
    </row>
    <row r="117" spans="2:9" s="4" customFormat="1" ht="24.95" customHeight="1" x14ac:dyDescent="0.25">
      <c r="B117" s="79" t="s">
        <v>93</v>
      </c>
      <c r="C117" s="87" t="s">
        <v>272</v>
      </c>
      <c r="D117" s="88"/>
      <c r="E117" s="88"/>
      <c r="F117" s="89"/>
      <c r="G117" s="76"/>
      <c r="H117" s="105"/>
      <c r="I117" s="106"/>
    </row>
    <row r="118" spans="2:9" s="4" customFormat="1" ht="30" customHeight="1" x14ac:dyDescent="0.25">
      <c r="B118" s="79" t="s">
        <v>94</v>
      </c>
      <c r="C118" s="87" t="s">
        <v>273</v>
      </c>
      <c r="D118" s="88"/>
      <c r="E118" s="88"/>
      <c r="F118" s="89"/>
      <c r="G118" s="76"/>
      <c r="H118" s="105"/>
      <c r="I118" s="106"/>
    </row>
    <row r="119" spans="2:9" s="4" customFormat="1" ht="24.95" customHeight="1" x14ac:dyDescent="0.25">
      <c r="B119" s="79" t="s">
        <v>95</v>
      </c>
      <c r="C119" s="87" t="s">
        <v>274</v>
      </c>
      <c r="D119" s="88"/>
      <c r="E119" s="88"/>
      <c r="F119" s="89"/>
      <c r="G119" s="76"/>
      <c r="H119" s="105"/>
      <c r="I119" s="106"/>
    </row>
    <row r="120" spans="2:9" s="4" customFormat="1" ht="24.95" customHeight="1" x14ac:dyDescent="0.25">
      <c r="B120" s="79" t="s">
        <v>96</v>
      </c>
      <c r="C120" s="87" t="s">
        <v>275</v>
      </c>
      <c r="D120" s="88"/>
      <c r="E120" s="88"/>
      <c r="F120" s="89"/>
      <c r="G120" s="76"/>
      <c r="H120" s="105"/>
      <c r="I120" s="106"/>
    </row>
    <row r="121" spans="2:9" s="4" customFormat="1" ht="24.95" customHeight="1" x14ac:dyDescent="0.25">
      <c r="B121" s="79" t="s">
        <v>97</v>
      </c>
      <c r="C121" s="87" t="s">
        <v>276</v>
      </c>
      <c r="D121" s="88"/>
      <c r="E121" s="88"/>
      <c r="F121" s="89"/>
      <c r="G121" s="76"/>
      <c r="H121" s="105"/>
      <c r="I121" s="106"/>
    </row>
    <row r="122" spans="2:9" s="4" customFormat="1" ht="24.95" customHeight="1" x14ac:dyDescent="0.25">
      <c r="B122" s="79" t="s">
        <v>98</v>
      </c>
      <c r="C122" s="87" t="s">
        <v>277</v>
      </c>
      <c r="D122" s="88"/>
      <c r="E122" s="88"/>
      <c r="F122" s="89"/>
      <c r="G122" s="76"/>
      <c r="H122" s="105"/>
      <c r="I122" s="106"/>
    </row>
    <row r="123" spans="2:9" s="4" customFormat="1" ht="24.95" customHeight="1" x14ac:dyDescent="0.25">
      <c r="B123" s="79" t="s">
        <v>144</v>
      </c>
      <c r="C123" s="87" t="s">
        <v>278</v>
      </c>
      <c r="D123" s="88"/>
      <c r="E123" s="88"/>
      <c r="F123" s="89"/>
      <c r="G123" s="76"/>
      <c r="H123" s="105"/>
      <c r="I123" s="106"/>
    </row>
    <row r="124" spans="2:9" s="4" customFormat="1" ht="24.95" customHeight="1" x14ac:dyDescent="0.25">
      <c r="B124" s="79" t="s">
        <v>99</v>
      </c>
      <c r="C124" s="87" t="s">
        <v>279</v>
      </c>
      <c r="D124" s="88"/>
      <c r="E124" s="88"/>
      <c r="F124" s="89"/>
      <c r="G124" s="76"/>
      <c r="H124" s="105"/>
      <c r="I124" s="106"/>
    </row>
    <row r="125" spans="2:9" s="4" customFormat="1" ht="24.95" customHeight="1" x14ac:dyDescent="0.25">
      <c r="B125" s="79" t="s">
        <v>100</v>
      </c>
      <c r="C125" s="87" t="s">
        <v>280</v>
      </c>
      <c r="D125" s="88"/>
      <c r="E125" s="88"/>
      <c r="F125" s="89"/>
      <c r="G125" s="76"/>
      <c r="H125" s="105"/>
      <c r="I125" s="106"/>
    </row>
    <row r="126" spans="2:9" s="4" customFormat="1" ht="24.95" customHeight="1" x14ac:dyDescent="0.25">
      <c r="B126" s="79" t="s">
        <v>101</v>
      </c>
      <c r="C126" s="87" t="s">
        <v>281</v>
      </c>
      <c r="D126" s="88"/>
      <c r="E126" s="88"/>
      <c r="F126" s="89"/>
      <c r="G126" s="76"/>
      <c r="H126" s="105"/>
      <c r="I126" s="106"/>
    </row>
    <row r="127" spans="2:9" s="4" customFormat="1" ht="24.95" customHeight="1" x14ac:dyDescent="0.25">
      <c r="B127" s="79" t="s">
        <v>145</v>
      </c>
      <c r="C127" s="87" t="s">
        <v>282</v>
      </c>
      <c r="D127" s="88"/>
      <c r="E127" s="88"/>
      <c r="F127" s="89"/>
      <c r="G127" s="76"/>
      <c r="H127" s="105"/>
      <c r="I127" s="106"/>
    </row>
    <row r="128" spans="2:9" s="4" customFormat="1" ht="24.95" customHeight="1" x14ac:dyDescent="0.25">
      <c r="B128" s="79" t="s">
        <v>102</v>
      </c>
      <c r="C128" s="87" t="s">
        <v>283</v>
      </c>
      <c r="D128" s="88"/>
      <c r="E128" s="88"/>
      <c r="F128" s="89"/>
      <c r="G128" s="76"/>
      <c r="H128" s="105"/>
      <c r="I128" s="106"/>
    </row>
    <row r="129" spans="2:9" s="4" customFormat="1" ht="24.95" customHeight="1" x14ac:dyDescent="0.25">
      <c r="B129" s="79" t="s">
        <v>103</v>
      </c>
      <c r="C129" s="87" t="s">
        <v>284</v>
      </c>
      <c r="D129" s="88"/>
      <c r="E129" s="88"/>
      <c r="F129" s="89"/>
      <c r="G129" s="76"/>
      <c r="H129" s="105"/>
      <c r="I129" s="106"/>
    </row>
    <row r="130" spans="2:9" s="4" customFormat="1" ht="24.95" customHeight="1" x14ac:dyDescent="0.25">
      <c r="B130" s="79" t="s">
        <v>104</v>
      </c>
      <c r="C130" s="87" t="s">
        <v>285</v>
      </c>
      <c r="D130" s="88"/>
      <c r="E130" s="88"/>
      <c r="F130" s="89"/>
      <c r="G130" s="55"/>
      <c r="H130" s="105"/>
      <c r="I130" s="106"/>
    </row>
    <row r="131" spans="2:9" s="4" customFormat="1" ht="24.95" customHeight="1" x14ac:dyDescent="0.25">
      <c r="B131" s="79" t="s">
        <v>105</v>
      </c>
      <c r="C131" s="87" t="s">
        <v>286</v>
      </c>
      <c r="D131" s="88"/>
      <c r="E131" s="88"/>
      <c r="F131" s="89"/>
      <c r="G131" s="57"/>
      <c r="H131" s="105"/>
      <c r="I131" s="106"/>
    </row>
    <row r="132" spans="2:9" s="4" customFormat="1" ht="24.75" customHeight="1" x14ac:dyDescent="0.25">
      <c r="B132" s="79" t="s">
        <v>106</v>
      </c>
      <c r="C132" s="87" t="s">
        <v>287</v>
      </c>
      <c r="D132" s="88"/>
      <c r="E132" s="88"/>
      <c r="F132" s="89"/>
      <c r="G132" s="47"/>
      <c r="H132" s="105"/>
      <c r="I132" s="106"/>
    </row>
    <row r="133" spans="2:9" s="4" customFormat="1" ht="24.95" customHeight="1" x14ac:dyDescent="0.25">
      <c r="B133" s="79" t="s">
        <v>107</v>
      </c>
      <c r="C133" s="87" t="s">
        <v>288</v>
      </c>
      <c r="D133" s="88"/>
      <c r="E133" s="88"/>
      <c r="F133" s="89"/>
      <c r="G133" s="47"/>
      <c r="H133" s="105"/>
      <c r="I133" s="106"/>
    </row>
    <row r="134" spans="2:9" s="4" customFormat="1" ht="24.95" customHeight="1" x14ac:dyDescent="0.25">
      <c r="B134" s="79" t="s">
        <v>108</v>
      </c>
      <c r="C134" s="87" t="s">
        <v>289</v>
      </c>
      <c r="D134" s="88"/>
      <c r="E134" s="88"/>
      <c r="F134" s="89"/>
      <c r="G134" s="47"/>
      <c r="H134" s="105"/>
      <c r="I134" s="106"/>
    </row>
    <row r="135" spans="2:9" s="4" customFormat="1" ht="24.95" customHeight="1" x14ac:dyDescent="0.25">
      <c r="B135" s="79" t="s">
        <v>151</v>
      </c>
      <c r="C135" s="87" t="s">
        <v>290</v>
      </c>
      <c r="D135" s="88"/>
      <c r="E135" s="88"/>
      <c r="F135" s="89"/>
      <c r="G135" s="47"/>
      <c r="H135" s="105"/>
      <c r="I135" s="106"/>
    </row>
    <row r="136" spans="2:9" s="4" customFormat="1" ht="45.75" customHeight="1" x14ac:dyDescent="0.25">
      <c r="B136" s="79" t="s">
        <v>152</v>
      </c>
      <c r="C136" s="87" t="s">
        <v>291</v>
      </c>
      <c r="D136" s="88"/>
      <c r="E136" s="88"/>
      <c r="F136" s="89"/>
      <c r="G136" s="47"/>
      <c r="H136" s="105"/>
      <c r="I136" s="106"/>
    </row>
    <row r="137" spans="2:9" s="4" customFormat="1" ht="24.95" customHeight="1" x14ac:dyDescent="0.25">
      <c r="B137" s="79" t="s">
        <v>153</v>
      </c>
      <c r="C137" s="87" t="s">
        <v>292</v>
      </c>
      <c r="D137" s="88"/>
      <c r="E137" s="88"/>
      <c r="F137" s="89"/>
      <c r="G137" s="47"/>
      <c r="H137" s="105"/>
      <c r="I137" s="106"/>
    </row>
    <row r="138" spans="2:9" s="4" customFormat="1" ht="30" customHeight="1" thickBot="1" x14ac:dyDescent="0.3">
      <c r="B138" s="79" t="s">
        <v>154</v>
      </c>
      <c r="C138" s="87" t="s">
        <v>293</v>
      </c>
      <c r="D138" s="88"/>
      <c r="E138" s="88"/>
      <c r="F138" s="89"/>
      <c r="G138" s="48"/>
      <c r="H138" s="138"/>
      <c r="I138" s="139"/>
    </row>
    <row r="139" spans="2:9" s="25" customFormat="1" ht="30.75" customHeight="1" x14ac:dyDescent="0.25">
      <c r="B139" s="107" t="s">
        <v>294</v>
      </c>
      <c r="C139" s="108"/>
      <c r="D139" s="70" t="s">
        <v>165</v>
      </c>
      <c r="E139" s="70" t="s">
        <v>166</v>
      </c>
      <c r="F139" s="70" t="s">
        <v>167</v>
      </c>
      <c r="G139" s="109" t="s">
        <v>156</v>
      </c>
      <c r="H139" s="110"/>
      <c r="I139" s="111"/>
    </row>
    <row r="140" spans="2:9" s="4" customFormat="1" ht="24.95" customHeight="1" x14ac:dyDescent="0.25">
      <c r="B140" s="53" t="s">
        <v>16</v>
      </c>
      <c r="C140" s="112" t="s">
        <v>295</v>
      </c>
      <c r="D140" s="113"/>
      <c r="E140" s="113"/>
      <c r="F140" s="114"/>
      <c r="G140" s="76"/>
      <c r="H140" s="105"/>
      <c r="I140" s="106"/>
    </row>
    <row r="141" spans="2:9" s="4" customFormat="1" ht="153" customHeight="1" x14ac:dyDescent="0.25">
      <c r="B141" s="53" t="s">
        <v>58</v>
      </c>
      <c r="C141" s="87" t="s">
        <v>296</v>
      </c>
      <c r="D141" s="88"/>
      <c r="E141" s="88"/>
      <c r="F141" s="89"/>
      <c r="G141" s="76"/>
      <c r="H141" s="105"/>
      <c r="I141" s="106"/>
    </row>
    <row r="142" spans="2:9" s="4" customFormat="1" ht="24.95" customHeight="1" x14ac:dyDescent="0.25">
      <c r="B142" s="53" t="s">
        <v>59</v>
      </c>
      <c r="C142" s="78" t="s">
        <v>297</v>
      </c>
      <c r="D142" s="72" t="s">
        <v>1</v>
      </c>
      <c r="E142" s="72">
        <v>9</v>
      </c>
      <c r="F142" s="72" t="s">
        <v>187</v>
      </c>
      <c r="G142" s="76"/>
      <c r="H142" s="105"/>
      <c r="I142" s="106"/>
    </row>
    <row r="143" spans="2:9" s="4" customFormat="1" ht="24.95" customHeight="1" x14ac:dyDescent="0.25">
      <c r="B143" s="53" t="s">
        <v>60</v>
      </c>
      <c r="C143" s="78" t="s">
        <v>298</v>
      </c>
      <c r="D143" s="72" t="s">
        <v>1</v>
      </c>
      <c r="E143" s="72">
        <v>1</v>
      </c>
      <c r="F143" s="72" t="s">
        <v>187</v>
      </c>
      <c r="G143" s="76"/>
      <c r="H143" s="105"/>
      <c r="I143" s="106"/>
    </row>
    <row r="144" spans="2:9" s="4" customFormat="1" ht="24.95" customHeight="1" x14ac:dyDescent="0.25">
      <c r="B144" s="53" t="s">
        <v>61</v>
      </c>
      <c r="C144" s="78" t="s">
        <v>299</v>
      </c>
      <c r="D144" s="72" t="s">
        <v>300</v>
      </c>
      <c r="E144" s="72">
        <v>8</v>
      </c>
      <c r="F144" s="72" t="s">
        <v>187</v>
      </c>
      <c r="G144" s="76"/>
      <c r="H144" s="105"/>
      <c r="I144" s="106"/>
    </row>
    <row r="145" spans="2:9" s="4" customFormat="1" ht="24.95" customHeight="1" x14ac:dyDescent="0.25">
      <c r="B145" s="53" t="s">
        <v>62</v>
      </c>
      <c r="C145" s="78" t="s">
        <v>301</v>
      </c>
      <c r="D145" s="72" t="s">
        <v>236</v>
      </c>
      <c r="E145" s="72">
        <v>9</v>
      </c>
      <c r="F145" s="72" t="s">
        <v>187</v>
      </c>
      <c r="G145" s="76"/>
      <c r="H145" s="105"/>
      <c r="I145" s="106"/>
    </row>
    <row r="146" spans="2:9" s="4" customFormat="1" ht="24.95" customHeight="1" x14ac:dyDescent="0.25">
      <c r="B146" s="53" t="s">
        <v>72</v>
      </c>
      <c r="C146" s="78" t="s">
        <v>302</v>
      </c>
      <c r="D146" s="72" t="s">
        <v>303</v>
      </c>
      <c r="E146" s="72">
        <v>115</v>
      </c>
      <c r="F146" s="72" t="s">
        <v>187</v>
      </c>
      <c r="G146" s="76"/>
      <c r="H146" s="105"/>
      <c r="I146" s="106"/>
    </row>
    <row r="147" spans="2:9" s="4" customFormat="1" ht="30" customHeight="1" x14ac:dyDescent="0.25">
      <c r="B147" s="53" t="s">
        <v>63</v>
      </c>
      <c r="C147" s="87" t="s">
        <v>304</v>
      </c>
      <c r="D147" s="88"/>
      <c r="E147" s="88"/>
      <c r="F147" s="89"/>
      <c r="G147" s="76"/>
      <c r="H147" s="105"/>
      <c r="I147" s="106"/>
    </row>
    <row r="148" spans="2:9" s="4" customFormat="1" ht="30" customHeight="1" x14ac:dyDescent="0.25">
      <c r="B148" s="53" t="s">
        <v>64</v>
      </c>
      <c r="C148" s="87" t="s">
        <v>305</v>
      </c>
      <c r="D148" s="88"/>
      <c r="E148" s="88"/>
      <c r="F148" s="89"/>
      <c r="G148" s="76"/>
      <c r="H148" s="105"/>
      <c r="I148" s="106"/>
    </row>
    <row r="149" spans="2:9" s="4" customFormat="1" ht="30" customHeight="1" x14ac:dyDescent="0.25">
      <c r="B149" s="53" t="s">
        <v>65</v>
      </c>
      <c r="C149" s="87" t="s">
        <v>306</v>
      </c>
      <c r="D149" s="88"/>
      <c r="E149" s="88"/>
      <c r="F149" s="89"/>
      <c r="G149" s="76"/>
      <c r="H149" s="105"/>
      <c r="I149" s="106"/>
    </row>
    <row r="150" spans="2:9" s="4" customFormat="1" ht="24.95" customHeight="1" x14ac:dyDescent="0.25">
      <c r="B150" s="53" t="s">
        <v>66</v>
      </c>
      <c r="C150" s="87" t="s">
        <v>307</v>
      </c>
      <c r="D150" s="88"/>
      <c r="E150" s="88"/>
      <c r="F150" s="89"/>
      <c r="G150" s="76"/>
      <c r="H150" s="105"/>
      <c r="I150" s="106"/>
    </row>
    <row r="151" spans="2:9" s="4" customFormat="1" ht="24.95" customHeight="1" x14ac:dyDescent="0.25">
      <c r="B151" s="53" t="s">
        <v>73</v>
      </c>
      <c r="C151" s="87" t="s">
        <v>308</v>
      </c>
      <c r="D151" s="88"/>
      <c r="E151" s="88"/>
      <c r="F151" s="89"/>
      <c r="G151" s="76"/>
      <c r="H151" s="105"/>
      <c r="I151" s="106"/>
    </row>
    <row r="152" spans="2:9" s="4" customFormat="1" ht="24.95" customHeight="1" x14ac:dyDescent="0.25">
      <c r="B152" s="53" t="s">
        <v>74</v>
      </c>
      <c r="C152" s="87" t="s">
        <v>309</v>
      </c>
      <c r="D152" s="88"/>
      <c r="E152" s="88"/>
      <c r="F152" s="89"/>
      <c r="G152" s="76"/>
      <c r="H152" s="105"/>
      <c r="I152" s="106"/>
    </row>
    <row r="153" spans="2:9" s="4" customFormat="1" ht="24.95" customHeight="1" x14ac:dyDescent="0.25">
      <c r="B153" s="53" t="s">
        <v>67</v>
      </c>
      <c r="C153" s="87" t="s">
        <v>310</v>
      </c>
      <c r="D153" s="88"/>
      <c r="E153" s="88"/>
      <c r="F153" s="89"/>
      <c r="G153" s="76"/>
      <c r="H153" s="105"/>
      <c r="I153" s="106"/>
    </row>
    <row r="154" spans="2:9" s="4" customFormat="1" ht="24.95" customHeight="1" x14ac:dyDescent="0.25">
      <c r="B154" s="53" t="s">
        <v>75</v>
      </c>
      <c r="C154" s="87" t="s">
        <v>311</v>
      </c>
      <c r="D154" s="88"/>
      <c r="E154" s="88"/>
      <c r="F154" s="89"/>
      <c r="G154" s="76"/>
      <c r="H154" s="105"/>
      <c r="I154" s="106"/>
    </row>
    <row r="155" spans="2:9" s="4" customFormat="1" ht="24.95" customHeight="1" x14ac:dyDescent="0.25">
      <c r="B155" s="63" t="s">
        <v>312</v>
      </c>
      <c r="C155" s="87" t="s">
        <v>313</v>
      </c>
      <c r="D155" s="88"/>
      <c r="E155" s="88"/>
      <c r="F155" s="89"/>
      <c r="G155" s="76"/>
      <c r="H155" s="105"/>
      <c r="I155" s="106"/>
    </row>
    <row r="156" spans="2:9" s="4" customFormat="1" ht="24.95" customHeight="1" x14ac:dyDescent="0.25">
      <c r="B156" s="63" t="s">
        <v>314</v>
      </c>
      <c r="C156" s="87" t="s">
        <v>315</v>
      </c>
      <c r="D156" s="88"/>
      <c r="E156" s="88"/>
      <c r="F156" s="89"/>
      <c r="G156" s="76"/>
      <c r="H156" s="105"/>
      <c r="I156" s="106"/>
    </row>
    <row r="157" spans="2:9" s="4" customFormat="1" ht="24.95" customHeight="1" thickBot="1" x14ac:dyDescent="0.3">
      <c r="B157" s="63" t="s">
        <v>316</v>
      </c>
      <c r="C157" s="87" t="s">
        <v>317</v>
      </c>
      <c r="D157" s="88"/>
      <c r="E157" s="88"/>
      <c r="F157" s="89"/>
      <c r="G157" s="76"/>
      <c r="H157" s="105"/>
      <c r="I157" s="106"/>
    </row>
    <row r="158" spans="2:9" s="25" customFormat="1" ht="30.75" customHeight="1" x14ac:dyDescent="0.25">
      <c r="B158" s="174" t="s">
        <v>318</v>
      </c>
      <c r="C158" s="175"/>
      <c r="D158" s="175"/>
      <c r="E158" s="175"/>
      <c r="F158" s="175"/>
      <c r="G158" s="175"/>
      <c r="H158" s="175"/>
      <c r="I158" s="176"/>
    </row>
    <row r="159" spans="2:9" s="4" customFormat="1" ht="30" customHeight="1" x14ac:dyDescent="0.25">
      <c r="B159" s="81" t="s">
        <v>16</v>
      </c>
      <c r="C159" s="102" t="s">
        <v>320</v>
      </c>
      <c r="D159" s="103"/>
      <c r="E159" s="103"/>
      <c r="F159" s="104"/>
      <c r="G159" s="47"/>
      <c r="H159" s="136"/>
      <c r="I159" s="137"/>
    </row>
    <row r="160" spans="2:9" s="4" customFormat="1" ht="30" customHeight="1" x14ac:dyDescent="0.25">
      <c r="B160" s="81" t="s">
        <v>58</v>
      </c>
      <c r="C160" s="102" t="s">
        <v>321</v>
      </c>
      <c r="D160" s="103"/>
      <c r="E160" s="103"/>
      <c r="F160" s="104"/>
      <c r="G160" s="47"/>
      <c r="H160" s="136"/>
      <c r="I160" s="137"/>
    </row>
    <row r="161" spans="2:9" s="4" customFormat="1" ht="24.95" customHeight="1" x14ac:dyDescent="0.25">
      <c r="B161" s="81" t="s">
        <v>59</v>
      </c>
      <c r="C161" s="102" t="s">
        <v>322</v>
      </c>
      <c r="D161" s="103"/>
      <c r="E161" s="103"/>
      <c r="F161" s="104"/>
      <c r="G161" s="47"/>
      <c r="H161" s="136"/>
      <c r="I161" s="137"/>
    </row>
    <row r="162" spans="2:9" s="4" customFormat="1" ht="30" customHeight="1" x14ac:dyDescent="0.25">
      <c r="B162" s="81" t="s">
        <v>60</v>
      </c>
      <c r="C162" s="102" t="s">
        <v>323</v>
      </c>
      <c r="D162" s="103"/>
      <c r="E162" s="103"/>
      <c r="F162" s="104"/>
      <c r="G162" s="47"/>
      <c r="H162" s="136"/>
      <c r="I162" s="137"/>
    </row>
    <row r="163" spans="2:9" s="4" customFormat="1" ht="24.95" customHeight="1" x14ac:dyDescent="0.25">
      <c r="B163" s="81" t="s">
        <v>61</v>
      </c>
      <c r="C163" s="102" t="s">
        <v>324</v>
      </c>
      <c r="D163" s="103"/>
      <c r="E163" s="103"/>
      <c r="F163" s="104"/>
      <c r="G163" s="47"/>
      <c r="H163" s="136"/>
      <c r="I163" s="137"/>
    </row>
    <row r="164" spans="2:9" s="4" customFormat="1" ht="24.95" customHeight="1" x14ac:dyDescent="0.25">
      <c r="B164" s="81" t="s">
        <v>62</v>
      </c>
      <c r="C164" s="102" t="s">
        <v>325</v>
      </c>
      <c r="D164" s="103"/>
      <c r="E164" s="103"/>
      <c r="F164" s="104"/>
      <c r="G164" s="47"/>
      <c r="H164" s="136"/>
      <c r="I164" s="137"/>
    </row>
    <row r="165" spans="2:9" s="4" customFormat="1" ht="24.95" customHeight="1" x14ac:dyDescent="0.25">
      <c r="B165" s="81" t="s">
        <v>72</v>
      </c>
      <c r="C165" s="102" t="s">
        <v>326</v>
      </c>
      <c r="D165" s="103"/>
      <c r="E165" s="103"/>
      <c r="F165" s="104"/>
      <c r="G165" s="47"/>
      <c r="H165" s="136"/>
      <c r="I165" s="137"/>
    </row>
    <row r="166" spans="2:9" s="4" customFormat="1" ht="24.95" customHeight="1" x14ac:dyDescent="0.25">
      <c r="B166" s="81" t="s">
        <v>63</v>
      </c>
      <c r="C166" s="102" t="s">
        <v>327</v>
      </c>
      <c r="D166" s="103"/>
      <c r="E166" s="103"/>
      <c r="F166" s="104"/>
      <c r="G166" s="47"/>
      <c r="H166" s="136"/>
      <c r="I166" s="137"/>
    </row>
    <row r="167" spans="2:9" s="4" customFormat="1" ht="30" customHeight="1" x14ac:dyDescent="0.25">
      <c r="B167" s="81" t="s">
        <v>64</v>
      </c>
      <c r="C167" s="102" t="s">
        <v>328</v>
      </c>
      <c r="D167" s="103"/>
      <c r="E167" s="103"/>
      <c r="F167" s="104"/>
      <c r="G167" s="47"/>
      <c r="H167" s="136"/>
      <c r="I167" s="137"/>
    </row>
    <row r="168" spans="2:9" s="4" customFormat="1" ht="24.95" customHeight="1" x14ac:dyDescent="0.25">
      <c r="B168" s="81" t="s">
        <v>65</v>
      </c>
      <c r="C168" s="102" t="s">
        <v>329</v>
      </c>
      <c r="D168" s="103"/>
      <c r="E168" s="103"/>
      <c r="F168" s="104"/>
      <c r="G168" s="47"/>
      <c r="H168" s="136"/>
      <c r="I168" s="137"/>
    </row>
    <row r="169" spans="2:9" s="4" customFormat="1" ht="24.95" customHeight="1" x14ac:dyDescent="0.25">
      <c r="B169" s="81" t="s">
        <v>66</v>
      </c>
      <c r="C169" s="102" t="s">
        <v>330</v>
      </c>
      <c r="D169" s="103"/>
      <c r="E169" s="103"/>
      <c r="F169" s="104"/>
      <c r="G169" s="47"/>
      <c r="H169" s="136"/>
      <c r="I169" s="137"/>
    </row>
    <row r="170" spans="2:9" s="4" customFormat="1" ht="24.95" customHeight="1" x14ac:dyDescent="0.25">
      <c r="B170" s="81" t="s">
        <v>73</v>
      </c>
      <c r="C170" s="102" t="s">
        <v>331</v>
      </c>
      <c r="D170" s="103"/>
      <c r="E170" s="103"/>
      <c r="F170" s="104"/>
      <c r="G170" s="47"/>
      <c r="H170" s="136"/>
      <c r="I170" s="137"/>
    </row>
    <row r="171" spans="2:9" s="4" customFormat="1" ht="24.95" customHeight="1" x14ac:dyDescent="0.25">
      <c r="B171" s="81" t="s">
        <v>74</v>
      </c>
      <c r="C171" s="102" t="s">
        <v>332</v>
      </c>
      <c r="D171" s="103"/>
      <c r="E171" s="103"/>
      <c r="F171" s="104"/>
      <c r="G171" s="47"/>
      <c r="H171" s="136"/>
      <c r="I171" s="137"/>
    </row>
    <row r="172" spans="2:9" s="4" customFormat="1" ht="24.95" customHeight="1" thickBot="1" x14ac:dyDescent="0.3">
      <c r="B172" s="82" t="s">
        <v>67</v>
      </c>
      <c r="C172" s="123" t="s">
        <v>333</v>
      </c>
      <c r="D172" s="124"/>
      <c r="E172" s="124"/>
      <c r="F172" s="125"/>
      <c r="G172" s="48"/>
      <c r="H172" s="147"/>
      <c r="I172" s="148"/>
    </row>
    <row r="173" spans="2:9" s="3" customFormat="1" ht="5.0999999999999996" customHeight="1" x14ac:dyDescent="0.25">
      <c r="B173" s="5"/>
      <c r="C173" s="5"/>
      <c r="D173" s="5"/>
      <c r="E173" s="5"/>
      <c r="F173" s="5"/>
      <c r="G173" s="7"/>
      <c r="H173" s="7"/>
      <c r="I173" s="26"/>
    </row>
    <row r="174" spans="2:9" s="2" customFormat="1" ht="20.100000000000001" customHeight="1" x14ac:dyDescent="0.25">
      <c r="B174" s="126" t="s">
        <v>48</v>
      </c>
      <c r="C174" s="126"/>
      <c r="D174" s="126"/>
      <c r="E174" s="126"/>
      <c r="F174" s="126"/>
      <c r="G174" s="126"/>
      <c r="H174" s="126"/>
      <c r="I174" s="126"/>
    </row>
    <row r="175" spans="2:9" s="2" customFormat="1" ht="5.0999999999999996" customHeight="1" thickBot="1" x14ac:dyDescent="0.3">
      <c r="B175" s="15"/>
      <c r="G175" s="6"/>
      <c r="H175" s="6"/>
      <c r="I175" s="6"/>
    </row>
    <row r="176" spans="2:9" s="3" customFormat="1" ht="69" customHeight="1" x14ac:dyDescent="0.25">
      <c r="B176" s="127" t="s">
        <v>8</v>
      </c>
      <c r="C176" s="128"/>
      <c r="D176" s="61"/>
      <c r="E176" s="61"/>
      <c r="F176" s="61"/>
      <c r="G176" s="131" t="s">
        <v>31</v>
      </c>
      <c r="H176" s="132"/>
      <c r="I176" s="133"/>
    </row>
    <row r="177" spans="2:9" s="3" customFormat="1" ht="30" customHeight="1" thickBot="1" x14ac:dyDescent="0.3">
      <c r="B177" s="129"/>
      <c r="C177" s="130"/>
      <c r="D177" s="62"/>
      <c r="E177" s="62"/>
      <c r="F177" s="62"/>
      <c r="G177" s="24" t="s">
        <v>7</v>
      </c>
      <c r="H177" s="134" t="s">
        <v>32</v>
      </c>
      <c r="I177" s="135"/>
    </row>
    <row r="178" spans="2:9" s="2" customFormat="1" ht="47.25" customHeight="1" x14ac:dyDescent="0.25">
      <c r="B178" s="54" t="s">
        <v>16</v>
      </c>
      <c r="C178" s="196" t="s">
        <v>361</v>
      </c>
      <c r="D178" s="196"/>
      <c r="E178" s="196"/>
      <c r="F178" s="196"/>
      <c r="G178" s="64"/>
      <c r="H178" s="145"/>
      <c r="I178" s="146"/>
    </row>
    <row r="179" spans="2:9" s="2" customFormat="1" ht="24.95" customHeight="1" x14ac:dyDescent="0.25">
      <c r="B179" s="65" t="s">
        <v>58</v>
      </c>
      <c r="C179" s="197" t="s">
        <v>340</v>
      </c>
      <c r="D179" s="197"/>
      <c r="E179" s="197"/>
      <c r="F179" s="197"/>
      <c r="G179" s="47"/>
      <c r="H179" s="142"/>
      <c r="I179" s="143"/>
    </row>
    <row r="180" spans="2:9" s="2" customFormat="1" ht="24.95" customHeight="1" x14ac:dyDescent="0.25">
      <c r="B180" s="67" t="s">
        <v>109</v>
      </c>
      <c r="C180" s="198" t="s">
        <v>360</v>
      </c>
      <c r="D180" s="198"/>
      <c r="E180" s="198"/>
      <c r="F180" s="198"/>
      <c r="G180" s="47"/>
      <c r="H180" s="121"/>
      <c r="I180" s="122"/>
    </row>
    <row r="181" spans="2:9" s="2" customFormat="1" ht="24.95" customHeight="1" x14ac:dyDescent="0.25">
      <c r="B181" s="67" t="s">
        <v>110</v>
      </c>
      <c r="C181" s="198" t="s">
        <v>341</v>
      </c>
      <c r="D181" s="198"/>
      <c r="E181" s="198"/>
      <c r="F181" s="198"/>
      <c r="G181" s="47"/>
      <c r="H181" s="121"/>
      <c r="I181" s="122"/>
    </row>
    <row r="182" spans="2:9" s="2" customFormat="1" ht="60.75" customHeight="1" x14ac:dyDescent="0.25">
      <c r="B182" s="67" t="s">
        <v>111</v>
      </c>
      <c r="C182" s="198" t="s">
        <v>113</v>
      </c>
      <c r="D182" s="198"/>
      <c r="E182" s="198"/>
      <c r="F182" s="198"/>
      <c r="G182" s="47"/>
      <c r="H182" s="121"/>
      <c r="I182" s="122"/>
    </row>
    <row r="183" spans="2:9" s="2" customFormat="1" ht="42.75" customHeight="1" x14ac:dyDescent="0.25">
      <c r="B183" s="67" t="s">
        <v>112</v>
      </c>
      <c r="C183" s="198" t="s">
        <v>115</v>
      </c>
      <c r="D183" s="198"/>
      <c r="E183" s="198"/>
      <c r="F183" s="198"/>
      <c r="G183" s="47"/>
      <c r="H183" s="121"/>
      <c r="I183" s="122"/>
    </row>
    <row r="184" spans="2:9" s="2" customFormat="1" ht="126.75" customHeight="1" x14ac:dyDescent="0.25">
      <c r="B184" s="67" t="s">
        <v>114</v>
      </c>
      <c r="C184" s="198" t="s">
        <v>362</v>
      </c>
      <c r="D184" s="198"/>
      <c r="E184" s="198"/>
      <c r="F184" s="198"/>
      <c r="G184" s="47"/>
      <c r="H184" s="121"/>
      <c r="I184" s="122"/>
    </row>
    <row r="185" spans="2:9" s="2" customFormat="1" ht="31.5" customHeight="1" x14ac:dyDescent="0.25">
      <c r="B185" s="46" t="s">
        <v>59</v>
      </c>
      <c r="C185" s="199" t="s">
        <v>363</v>
      </c>
      <c r="D185" s="199"/>
      <c r="E185" s="199"/>
      <c r="F185" s="199"/>
      <c r="G185" s="47"/>
      <c r="H185" s="121"/>
      <c r="I185" s="122"/>
    </row>
    <row r="186" spans="2:9" s="2" customFormat="1" ht="30" customHeight="1" x14ac:dyDescent="0.25">
      <c r="B186" s="68" t="s">
        <v>364</v>
      </c>
      <c r="C186" s="200" t="s">
        <v>365</v>
      </c>
      <c r="D186" s="200"/>
      <c r="E186" s="200"/>
      <c r="F186" s="200"/>
      <c r="G186" s="47"/>
      <c r="H186" s="121"/>
      <c r="I186" s="122"/>
    </row>
    <row r="187" spans="2:9" s="2" customFormat="1" ht="31.5" customHeight="1" x14ac:dyDescent="0.25">
      <c r="B187" s="68" t="s">
        <v>366</v>
      </c>
      <c r="C187" s="199" t="s">
        <v>341</v>
      </c>
      <c r="D187" s="199"/>
      <c r="E187" s="199"/>
      <c r="F187" s="199"/>
      <c r="G187" s="47"/>
      <c r="H187" s="121"/>
      <c r="I187" s="122"/>
    </row>
    <row r="188" spans="2:9" s="2" customFormat="1" ht="57" customHeight="1" x14ac:dyDescent="0.25">
      <c r="B188" s="68" t="s">
        <v>367</v>
      </c>
      <c r="C188" s="199" t="s">
        <v>368</v>
      </c>
      <c r="D188" s="199"/>
      <c r="E188" s="199"/>
      <c r="F188" s="199"/>
      <c r="G188" s="47"/>
      <c r="H188" s="121"/>
      <c r="I188" s="122"/>
    </row>
    <row r="189" spans="2:9" s="2" customFormat="1" ht="134.25" customHeight="1" x14ac:dyDescent="0.25">
      <c r="B189" s="68" t="s">
        <v>369</v>
      </c>
      <c r="C189" s="199" t="s">
        <v>370</v>
      </c>
      <c r="D189" s="199"/>
      <c r="E189" s="199"/>
      <c r="F189" s="199"/>
      <c r="G189" s="47"/>
      <c r="H189" s="121"/>
      <c r="I189" s="122"/>
    </row>
    <row r="190" spans="2:9" s="2" customFormat="1" ht="54.75" customHeight="1" x14ac:dyDescent="0.25">
      <c r="B190" s="65" t="s">
        <v>60</v>
      </c>
      <c r="C190" s="201" t="s">
        <v>371</v>
      </c>
      <c r="D190" s="201"/>
      <c r="E190" s="201"/>
      <c r="F190" s="201"/>
      <c r="G190" s="47"/>
      <c r="H190" s="121"/>
      <c r="I190" s="122"/>
    </row>
    <row r="191" spans="2:9" s="2" customFormat="1" ht="120" customHeight="1" x14ac:dyDescent="0.25">
      <c r="B191" s="46" t="s">
        <v>61</v>
      </c>
      <c r="C191" s="199" t="s">
        <v>372</v>
      </c>
      <c r="D191" s="199"/>
      <c r="E191" s="199"/>
      <c r="F191" s="199"/>
      <c r="G191" s="47"/>
      <c r="H191" s="121"/>
      <c r="I191" s="122"/>
    </row>
    <row r="192" spans="2:9" s="2" customFormat="1" ht="297" customHeight="1" x14ac:dyDescent="0.25">
      <c r="B192" s="46" t="s">
        <v>62</v>
      </c>
      <c r="C192" s="200" t="s">
        <v>373</v>
      </c>
      <c r="D192" s="200"/>
      <c r="E192" s="200"/>
      <c r="F192" s="200"/>
      <c r="G192" s="47"/>
      <c r="H192" s="121"/>
      <c r="I192" s="122"/>
    </row>
    <row r="193" spans="2:9" s="2" customFormat="1" ht="108" customHeight="1" x14ac:dyDescent="0.25">
      <c r="B193" s="46" t="s">
        <v>72</v>
      </c>
      <c r="C193" s="199" t="s">
        <v>374</v>
      </c>
      <c r="D193" s="199"/>
      <c r="E193" s="199"/>
      <c r="F193" s="199"/>
      <c r="G193" s="47"/>
      <c r="H193" s="121"/>
      <c r="I193" s="122"/>
    </row>
    <row r="194" spans="2:9" s="2" customFormat="1" ht="99.75" customHeight="1" x14ac:dyDescent="0.25">
      <c r="B194" s="65" t="s">
        <v>63</v>
      </c>
      <c r="C194" s="199" t="s">
        <v>375</v>
      </c>
      <c r="D194" s="199"/>
      <c r="E194" s="199"/>
      <c r="F194" s="199"/>
      <c r="G194" s="47"/>
      <c r="H194" s="121"/>
      <c r="I194" s="122"/>
    </row>
    <row r="195" spans="2:9" s="2" customFormat="1" ht="231.75" customHeight="1" x14ac:dyDescent="0.25">
      <c r="B195" s="65" t="s">
        <v>64</v>
      </c>
      <c r="C195" s="199" t="s">
        <v>376</v>
      </c>
      <c r="D195" s="199"/>
      <c r="E195" s="199"/>
      <c r="F195" s="199"/>
      <c r="G195" s="47"/>
      <c r="H195" s="121"/>
      <c r="I195" s="122"/>
    </row>
    <row r="196" spans="2:9" s="2" customFormat="1" ht="77.25" customHeight="1" x14ac:dyDescent="0.25">
      <c r="B196" s="46" t="s">
        <v>65</v>
      </c>
      <c r="C196" s="199" t="s">
        <v>377</v>
      </c>
      <c r="D196" s="199"/>
      <c r="E196" s="199"/>
      <c r="F196" s="199"/>
      <c r="G196" s="47"/>
      <c r="H196" s="121"/>
      <c r="I196" s="122"/>
    </row>
    <row r="197" spans="2:9" s="2" customFormat="1" ht="73.5" customHeight="1" x14ac:dyDescent="0.25">
      <c r="B197" s="46" t="s">
        <v>66</v>
      </c>
      <c r="C197" s="199" t="s">
        <v>378</v>
      </c>
      <c r="D197" s="199"/>
      <c r="E197" s="199"/>
      <c r="F197" s="199"/>
      <c r="G197" s="47"/>
      <c r="H197" s="121"/>
      <c r="I197" s="122"/>
    </row>
    <row r="198" spans="2:9" s="2" customFormat="1" ht="76.5" customHeight="1" x14ac:dyDescent="0.25">
      <c r="B198" s="46" t="s">
        <v>73</v>
      </c>
      <c r="C198" s="197" t="s">
        <v>116</v>
      </c>
      <c r="D198" s="197"/>
      <c r="E198" s="197"/>
      <c r="F198" s="197"/>
      <c r="G198" s="47"/>
      <c r="H198" s="121"/>
      <c r="I198" s="122"/>
    </row>
    <row r="199" spans="2:9" s="2" customFormat="1" ht="78.75" customHeight="1" x14ac:dyDescent="0.25">
      <c r="B199" s="46" t="s">
        <v>74</v>
      </c>
      <c r="C199" s="197" t="s">
        <v>379</v>
      </c>
      <c r="D199" s="197"/>
      <c r="E199" s="197"/>
      <c r="F199" s="197"/>
      <c r="G199" s="47"/>
      <c r="H199" s="121"/>
      <c r="I199" s="122"/>
    </row>
    <row r="200" spans="2:9" s="2" customFormat="1" ht="85.5" customHeight="1" x14ac:dyDescent="0.25">
      <c r="B200" s="46" t="s">
        <v>67</v>
      </c>
      <c r="C200" s="197" t="s">
        <v>380</v>
      </c>
      <c r="D200" s="197"/>
      <c r="E200" s="197"/>
      <c r="F200" s="197"/>
      <c r="G200" s="47"/>
      <c r="H200" s="121"/>
      <c r="I200" s="122"/>
    </row>
    <row r="201" spans="2:9" s="2" customFormat="1" ht="102" customHeight="1" x14ac:dyDescent="0.25">
      <c r="B201" s="46" t="s">
        <v>75</v>
      </c>
      <c r="C201" s="197" t="s">
        <v>117</v>
      </c>
      <c r="D201" s="197"/>
      <c r="E201" s="197"/>
      <c r="F201" s="197"/>
      <c r="G201" s="47"/>
      <c r="H201" s="121"/>
      <c r="I201" s="122"/>
    </row>
    <row r="202" spans="2:9" s="2" customFormat="1" ht="39" customHeight="1" x14ac:dyDescent="0.25">
      <c r="B202" s="68" t="s">
        <v>381</v>
      </c>
      <c r="C202" s="198" t="s">
        <v>118</v>
      </c>
      <c r="D202" s="198"/>
      <c r="E202" s="198"/>
      <c r="F202" s="198"/>
      <c r="G202" s="47"/>
      <c r="H202" s="121"/>
      <c r="I202" s="122"/>
    </row>
    <row r="203" spans="2:9" s="2" customFormat="1" ht="48" customHeight="1" x14ac:dyDescent="0.25">
      <c r="B203" s="68" t="s">
        <v>382</v>
      </c>
      <c r="C203" s="198" t="s">
        <v>119</v>
      </c>
      <c r="D203" s="198"/>
      <c r="E203" s="198"/>
      <c r="F203" s="198"/>
      <c r="G203" s="47"/>
      <c r="H203" s="121"/>
      <c r="I203" s="122"/>
    </row>
    <row r="204" spans="2:9" s="2" customFormat="1" ht="57" customHeight="1" x14ac:dyDescent="0.25">
      <c r="B204" s="68" t="s">
        <v>383</v>
      </c>
      <c r="C204" s="198" t="s">
        <v>342</v>
      </c>
      <c r="D204" s="198"/>
      <c r="E204" s="198"/>
      <c r="F204" s="198"/>
      <c r="G204" s="47"/>
      <c r="H204" s="121"/>
      <c r="I204" s="122"/>
    </row>
    <row r="205" spans="2:9" s="2" customFormat="1" ht="53.25" customHeight="1" x14ac:dyDescent="0.25">
      <c r="B205" s="68" t="s">
        <v>384</v>
      </c>
      <c r="C205" s="198" t="s">
        <v>120</v>
      </c>
      <c r="D205" s="198"/>
      <c r="E205" s="198"/>
      <c r="F205" s="198"/>
      <c r="G205" s="47"/>
      <c r="H205" s="121"/>
      <c r="I205" s="122"/>
    </row>
    <row r="206" spans="2:9" s="2" customFormat="1" ht="38.25" customHeight="1" x14ac:dyDescent="0.25">
      <c r="B206" s="68" t="s">
        <v>385</v>
      </c>
      <c r="C206" s="198" t="s">
        <v>121</v>
      </c>
      <c r="D206" s="198"/>
      <c r="E206" s="198"/>
      <c r="F206" s="198"/>
      <c r="G206" s="47"/>
      <c r="H206" s="121"/>
      <c r="I206" s="122"/>
    </row>
    <row r="207" spans="2:9" s="2" customFormat="1" ht="63" customHeight="1" x14ac:dyDescent="0.25">
      <c r="B207" s="68" t="s">
        <v>386</v>
      </c>
      <c r="C207" s="198" t="s">
        <v>122</v>
      </c>
      <c r="D207" s="198"/>
      <c r="E207" s="198"/>
      <c r="F207" s="198"/>
      <c r="G207" s="47"/>
      <c r="H207" s="121"/>
      <c r="I207" s="122"/>
    </row>
    <row r="208" spans="2:9" s="2" customFormat="1" ht="36.75" customHeight="1" x14ac:dyDescent="0.25">
      <c r="B208" s="68" t="s">
        <v>387</v>
      </c>
      <c r="C208" s="198" t="s">
        <v>123</v>
      </c>
      <c r="D208" s="198"/>
      <c r="E208" s="198"/>
      <c r="F208" s="198"/>
      <c r="G208" s="47"/>
      <c r="H208" s="121"/>
      <c r="I208" s="122"/>
    </row>
    <row r="209" spans="2:9" s="2" customFormat="1" ht="42" customHeight="1" x14ac:dyDescent="0.25">
      <c r="B209" s="68" t="s">
        <v>388</v>
      </c>
      <c r="C209" s="198" t="s">
        <v>124</v>
      </c>
      <c r="D209" s="198"/>
      <c r="E209" s="198"/>
      <c r="F209" s="198"/>
      <c r="G209" s="47"/>
      <c r="H209" s="121"/>
      <c r="I209" s="122"/>
    </row>
    <row r="210" spans="2:9" s="2" customFormat="1" ht="51.75" customHeight="1" x14ac:dyDescent="0.25">
      <c r="B210" s="68" t="s">
        <v>389</v>
      </c>
      <c r="C210" s="198" t="s">
        <v>125</v>
      </c>
      <c r="D210" s="198"/>
      <c r="E210" s="198"/>
      <c r="F210" s="198"/>
      <c r="G210" s="47"/>
      <c r="H210" s="121"/>
      <c r="I210" s="122"/>
    </row>
    <row r="211" spans="2:9" s="2" customFormat="1" ht="61.5" customHeight="1" x14ac:dyDescent="0.25">
      <c r="B211" s="68" t="s">
        <v>390</v>
      </c>
      <c r="C211" s="197" t="s">
        <v>391</v>
      </c>
      <c r="D211" s="197"/>
      <c r="E211" s="197"/>
      <c r="F211" s="197"/>
      <c r="G211" s="47"/>
      <c r="H211" s="121"/>
      <c r="I211" s="122"/>
    </row>
    <row r="212" spans="2:9" s="2" customFormat="1" ht="60" customHeight="1" x14ac:dyDescent="0.25">
      <c r="B212" s="46" t="s">
        <v>133</v>
      </c>
      <c r="C212" s="197" t="s">
        <v>343</v>
      </c>
      <c r="D212" s="197"/>
      <c r="E212" s="197"/>
      <c r="F212" s="197"/>
      <c r="G212" s="47"/>
      <c r="H212" s="121"/>
      <c r="I212" s="122"/>
    </row>
    <row r="213" spans="2:9" s="2" customFormat="1" ht="83.25" customHeight="1" x14ac:dyDescent="0.25">
      <c r="B213" s="46" t="s">
        <v>76</v>
      </c>
      <c r="C213" s="197" t="s">
        <v>344</v>
      </c>
      <c r="D213" s="197"/>
      <c r="E213" s="197"/>
      <c r="F213" s="197"/>
      <c r="G213" s="47"/>
      <c r="H213" s="121"/>
      <c r="I213" s="122"/>
    </row>
    <row r="214" spans="2:9" s="2" customFormat="1" ht="39" customHeight="1" x14ac:dyDescent="0.25">
      <c r="B214" s="46" t="s">
        <v>77</v>
      </c>
      <c r="C214" s="197" t="s">
        <v>126</v>
      </c>
      <c r="D214" s="197"/>
      <c r="E214" s="197"/>
      <c r="F214" s="197"/>
      <c r="G214" s="47"/>
      <c r="H214" s="121"/>
      <c r="I214" s="122"/>
    </row>
    <row r="215" spans="2:9" s="2" customFormat="1" ht="29.25" customHeight="1" x14ac:dyDescent="0.25">
      <c r="B215" s="68" t="s">
        <v>346</v>
      </c>
      <c r="C215" s="197" t="s">
        <v>127</v>
      </c>
      <c r="D215" s="197"/>
      <c r="E215" s="197"/>
      <c r="F215" s="197"/>
      <c r="G215" s="47"/>
      <c r="H215" s="121"/>
      <c r="I215" s="122"/>
    </row>
    <row r="216" spans="2:9" s="2" customFormat="1" ht="62.25" customHeight="1" x14ac:dyDescent="0.25">
      <c r="B216" s="68" t="s">
        <v>348</v>
      </c>
      <c r="C216" s="197" t="s">
        <v>128</v>
      </c>
      <c r="D216" s="197"/>
      <c r="E216" s="197"/>
      <c r="F216" s="197"/>
      <c r="G216" s="47"/>
      <c r="H216" s="121"/>
      <c r="I216" s="122"/>
    </row>
    <row r="217" spans="2:9" s="2" customFormat="1" ht="71.25" customHeight="1" x14ac:dyDescent="0.25">
      <c r="B217" s="46" t="s">
        <v>78</v>
      </c>
      <c r="C217" s="197" t="s">
        <v>129</v>
      </c>
      <c r="D217" s="197"/>
      <c r="E217" s="197"/>
      <c r="F217" s="197"/>
      <c r="G217" s="47"/>
      <c r="H217" s="121"/>
      <c r="I217" s="122"/>
    </row>
    <row r="218" spans="2:9" s="2" customFormat="1" ht="62.25" customHeight="1" x14ac:dyDescent="0.25">
      <c r="B218" s="68" t="s">
        <v>392</v>
      </c>
      <c r="C218" s="197" t="s">
        <v>130</v>
      </c>
      <c r="D218" s="197"/>
      <c r="E218" s="197"/>
      <c r="F218" s="197"/>
      <c r="G218" s="47"/>
      <c r="H218" s="121"/>
      <c r="I218" s="122"/>
    </row>
    <row r="219" spans="2:9" s="2" customFormat="1" ht="51.75" customHeight="1" x14ac:dyDescent="0.25">
      <c r="B219" s="68" t="s">
        <v>393</v>
      </c>
      <c r="C219" s="197" t="s">
        <v>131</v>
      </c>
      <c r="D219" s="197"/>
      <c r="E219" s="197"/>
      <c r="F219" s="197"/>
      <c r="G219" s="47"/>
      <c r="H219" s="121"/>
      <c r="I219" s="122"/>
    </row>
    <row r="220" spans="2:9" s="2" customFormat="1" ht="117" customHeight="1" x14ac:dyDescent="0.25">
      <c r="B220" s="46" t="s">
        <v>79</v>
      </c>
      <c r="C220" s="197" t="s">
        <v>132</v>
      </c>
      <c r="D220" s="197"/>
      <c r="E220" s="197"/>
      <c r="F220" s="197"/>
      <c r="G220" s="47"/>
      <c r="H220" s="121"/>
      <c r="I220" s="122"/>
    </row>
    <row r="221" spans="2:9" s="2" customFormat="1" ht="62.25" customHeight="1" x14ac:dyDescent="0.25">
      <c r="B221" s="46" t="s">
        <v>137</v>
      </c>
      <c r="C221" s="197" t="s">
        <v>134</v>
      </c>
      <c r="D221" s="197"/>
      <c r="E221" s="197"/>
      <c r="F221" s="197"/>
      <c r="G221" s="47"/>
      <c r="H221" s="121"/>
      <c r="I221" s="122"/>
    </row>
    <row r="222" spans="2:9" s="2" customFormat="1" ht="51.75" customHeight="1" x14ac:dyDescent="0.25">
      <c r="B222" s="46" t="s">
        <v>80</v>
      </c>
      <c r="C222" s="200" t="s">
        <v>394</v>
      </c>
      <c r="D222" s="200"/>
      <c r="E222" s="200"/>
      <c r="F222" s="200"/>
      <c r="G222" s="47"/>
      <c r="H222" s="121"/>
      <c r="I222" s="122"/>
    </row>
    <row r="223" spans="2:9" s="2" customFormat="1" ht="63.75" customHeight="1" x14ac:dyDescent="0.25">
      <c r="B223" s="46" t="s">
        <v>81</v>
      </c>
      <c r="C223" s="200" t="s">
        <v>135</v>
      </c>
      <c r="D223" s="200"/>
      <c r="E223" s="200"/>
      <c r="F223" s="200"/>
      <c r="G223" s="47"/>
      <c r="H223" s="121"/>
      <c r="I223" s="122"/>
    </row>
    <row r="224" spans="2:9" s="2" customFormat="1" ht="63" customHeight="1" x14ac:dyDescent="0.25">
      <c r="B224" s="46" t="s">
        <v>86</v>
      </c>
      <c r="C224" s="200" t="s">
        <v>345</v>
      </c>
      <c r="D224" s="200"/>
      <c r="E224" s="200"/>
      <c r="F224" s="200"/>
      <c r="G224" s="47"/>
      <c r="H224" s="121"/>
      <c r="I224" s="122"/>
    </row>
    <row r="225" spans="2:9" s="2" customFormat="1" ht="39.75" customHeight="1" x14ac:dyDescent="0.25">
      <c r="B225" s="46" t="s">
        <v>87</v>
      </c>
      <c r="C225" s="200" t="s">
        <v>136</v>
      </c>
      <c r="D225" s="200"/>
      <c r="E225" s="200"/>
      <c r="F225" s="200"/>
      <c r="G225" s="47"/>
      <c r="H225" s="121"/>
      <c r="I225" s="122"/>
    </row>
    <row r="226" spans="2:9" s="2" customFormat="1" ht="39.75" customHeight="1" x14ac:dyDescent="0.25">
      <c r="B226" s="68" t="s">
        <v>395</v>
      </c>
      <c r="C226" s="200" t="s">
        <v>347</v>
      </c>
      <c r="D226" s="200"/>
      <c r="E226" s="200"/>
      <c r="F226" s="200"/>
      <c r="G226" s="47"/>
      <c r="H226" s="121"/>
      <c r="I226" s="122"/>
    </row>
    <row r="227" spans="2:9" s="2" customFormat="1" ht="58.5" customHeight="1" x14ac:dyDescent="0.25">
      <c r="B227" s="68" t="s">
        <v>396</v>
      </c>
      <c r="C227" s="200" t="s">
        <v>349</v>
      </c>
      <c r="D227" s="200"/>
      <c r="E227" s="200"/>
      <c r="F227" s="200"/>
      <c r="G227" s="47"/>
      <c r="H227" s="121"/>
      <c r="I227" s="122"/>
    </row>
    <row r="228" spans="2:9" s="2" customFormat="1" ht="66.75" customHeight="1" x14ac:dyDescent="0.25">
      <c r="B228" s="46" t="s">
        <v>92</v>
      </c>
      <c r="C228" s="200" t="s">
        <v>138</v>
      </c>
      <c r="D228" s="200"/>
      <c r="E228" s="200"/>
      <c r="F228" s="200"/>
      <c r="G228" s="47"/>
      <c r="H228" s="121"/>
      <c r="I228" s="122"/>
    </row>
    <row r="229" spans="2:9" s="2" customFormat="1" ht="64.5" customHeight="1" x14ac:dyDescent="0.25">
      <c r="B229" s="46" t="s">
        <v>93</v>
      </c>
      <c r="C229" s="200" t="s">
        <v>350</v>
      </c>
      <c r="D229" s="200"/>
      <c r="E229" s="200"/>
      <c r="F229" s="200"/>
      <c r="G229" s="47"/>
      <c r="H229" s="121"/>
      <c r="I229" s="122"/>
    </row>
    <row r="230" spans="2:9" s="2" customFormat="1" ht="32.25" customHeight="1" x14ac:dyDescent="0.25">
      <c r="B230" s="46" t="s">
        <v>94</v>
      </c>
      <c r="C230" s="200" t="s">
        <v>139</v>
      </c>
      <c r="D230" s="200"/>
      <c r="E230" s="200"/>
      <c r="F230" s="200"/>
      <c r="G230" s="47"/>
      <c r="H230" s="121"/>
      <c r="I230" s="122"/>
    </row>
    <row r="231" spans="2:9" s="2" customFormat="1" ht="36.75" customHeight="1" x14ac:dyDescent="0.25">
      <c r="B231" s="46" t="s">
        <v>95</v>
      </c>
      <c r="C231" s="200" t="s">
        <v>140</v>
      </c>
      <c r="D231" s="200"/>
      <c r="E231" s="200"/>
      <c r="F231" s="200"/>
      <c r="G231" s="47"/>
      <c r="H231" s="121"/>
      <c r="I231" s="122"/>
    </row>
    <row r="232" spans="2:9" s="2" customFormat="1" ht="63" customHeight="1" x14ac:dyDescent="0.25">
      <c r="B232" s="46" t="s">
        <v>96</v>
      </c>
      <c r="C232" s="200" t="s">
        <v>397</v>
      </c>
      <c r="D232" s="200"/>
      <c r="E232" s="200"/>
      <c r="F232" s="200"/>
      <c r="G232" s="47"/>
      <c r="H232" s="121"/>
      <c r="I232" s="122"/>
    </row>
    <row r="233" spans="2:9" s="2" customFormat="1" ht="81.75" customHeight="1" x14ac:dyDescent="0.25">
      <c r="B233" s="46" t="s">
        <v>97</v>
      </c>
      <c r="C233" s="200" t="s">
        <v>398</v>
      </c>
      <c r="D233" s="200"/>
      <c r="E233" s="200"/>
      <c r="F233" s="200"/>
      <c r="G233" s="47"/>
      <c r="H233" s="121"/>
      <c r="I233" s="122"/>
    </row>
    <row r="234" spans="2:9" s="2" customFormat="1" ht="42.75" customHeight="1" x14ac:dyDescent="0.25">
      <c r="B234" s="46" t="s">
        <v>98</v>
      </c>
      <c r="C234" s="200" t="s">
        <v>141</v>
      </c>
      <c r="D234" s="200"/>
      <c r="E234" s="200"/>
      <c r="F234" s="200"/>
      <c r="G234" s="47"/>
      <c r="H234" s="121"/>
      <c r="I234" s="122"/>
    </row>
    <row r="235" spans="2:9" s="2" customFormat="1" ht="48.75" customHeight="1" x14ac:dyDescent="0.25">
      <c r="B235" s="46" t="s">
        <v>144</v>
      </c>
      <c r="C235" s="200" t="s">
        <v>142</v>
      </c>
      <c r="D235" s="200"/>
      <c r="E235" s="200"/>
      <c r="F235" s="200"/>
      <c r="G235" s="47"/>
      <c r="H235" s="121"/>
      <c r="I235" s="122"/>
    </row>
    <row r="236" spans="2:9" s="2" customFormat="1" ht="60.75" customHeight="1" x14ac:dyDescent="0.25">
      <c r="B236" s="46" t="s">
        <v>99</v>
      </c>
      <c r="C236" s="200" t="s">
        <v>351</v>
      </c>
      <c r="D236" s="200"/>
      <c r="E236" s="200"/>
      <c r="F236" s="200"/>
      <c r="G236" s="47"/>
      <c r="H236" s="121"/>
      <c r="I236" s="122"/>
    </row>
    <row r="237" spans="2:9" s="2" customFormat="1" ht="36.75" customHeight="1" x14ac:dyDescent="0.25">
      <c r="B237" s="46" t="s">
        <v>100</v>
      </c>
      <c r="C237" s="200" t="s">
        <v>143</v>
      </c>
      <c r="D237" s="200"/>
      <c r="E237" s="200"/>
      <c r="F237" s="200"/>
      <c r="G237" s="47"/>
      <c r="H237" s="121"/>
      <c r="I237" s="122"/>
    </row>
    <row r="238" spans="2:9" s="2" customFormat="1" ht="81" customHeight="1" x14ac:dyDescent="0.25">
      <c r="B238" s="68" t="s">
        <v>399</v>
      </c>
      <c r="C238" s="200" t="s">
        <v>352</v>
      </c>
      <c r="D238" s="200"/>
      <c r="E238" s="200"/>
      <c r="F238" s="200"/>
      <c r="G238" s="47"/>
      <c r="H238" s="121"/>
      <c r="I238" s="122"/>
    </row>
    <row r="239" spans="2:9" s="2" customFormat="1" ht="49.5" customHeight="1" x14ac:dyDescent="0.25">
      <c r="B239" s="68" t="s">
        <v>400</v>
      </c>
      <c r="C239" s="200" t="s">
        <v>353</v>
      </c>
      <c r="D239" s="200"/>
      <c r="E239" s="200"/>
      <c r="F239" s="200"/>
      <c r="G239" s="47"/>
      <c r="H239" s="121"/>
      <c r="I239" s="122"/>
    </row>
    <row r="240" spans="2:9" s="2" customFormat="1" ht="46.5" customHeight="1" x14ac:dyDescent="0.25">
      <c r="B240" s="46" t="s">
        <v>101</v>
      </c>
      <c r="C240" s="200" t="s">
        <v>354</v>
      </c>
      <c r="D240" s="200"/>
      <c r="E240" s="200"/>
      <c r="F240" s="200"/>
      <c r="G240" s="47"/>
      <c r="H240" s="121"/>
      <c r="I240" s="122"/>
    </row>
    <row r="241" spans="2:10" s="2" customFormat="1" ht="54" customHeight="1" x14ac:dyDescent="0.25">
      <c r="B241" s="46" t="s">
        <v>145</v>
      </c>
      <c r="C241" s="200" t="s">
        <v>355</v>
      </c>
      <c r="D241" s="200"/>
      <c r="E241" s="200"/>
      <c r="F241" s="200"/>
      <c r="G241" s="47"/>
      <c r="H241" s="121"/>
      <c r="I241" s="122"/>
    </row>
    <row r="242" spans="2:10" s="2" customFormat="1" ht="74.25" customHeight="1" x14ac:dyDescent="0.25">
      <c r="B242" s="46" t="s">
        <v>102</v>
      </c>
      <c r="C242" s="200" t="s">
        <v>401</v>
      </c>
      <c r="D242" s="200"/>
      <c r="E242" s="200"/>
      <c r="F242" s="200"/>
      <c r="G242" s="47"/>
      <c r="H242" s="121"/>
      <c r="I242" s="122"/>
    </row>
    <row r="243" spans="2:10" s="2" customFormat="1" ht="78" customHeight="1" x14ac:dyDescent="0.25">
      <c r="B243" s="46" t="s">
        <v>103</v>
      </c>
      <c r="C243" s="200" t="s">
        <v>146</v>
      </c>
      <c r="D243" s="200"/>
      <c r="E243" s="200"/>
      <c r="F243" s="200"/>
      <c r="G243" s="47"/>
      <c r="H243" s="121"/>
      <c r="I243" s="122"/>
    </row>
    <row r="244" spans="2:10" s="2" customFormat="1" ht="33" customHeight="1" x14ac:dyDescent="0.25">
      <c r="B244" s="46" t="s">
        <v>104</v>
      </c>
      <c r="C244" s="200" t="s">
        <v>402</v>
      </c>
      <c r="D244" s="200"/>
      <c r="E244" s="200"/>
      <c r="F244" s="200"/>
      <c r="G244" s="47"/>
      <c r="H244" s="121"/>
      <c r="I244" s="122"/>
    </row>
    <row r="245" spans="2:10" s="2" customFormat="1" ht="108.75" customHeight="1" x14ac:dyDescent="0.25">
      <c r="B245" s="46" t="s">
        <v>105</v>
      </c>
      <c r="C245" s="200" t="s">
        <v>147</v>
      </c>
      <c r="D245" s="200"/>
      <c r="E245" s="200"/>
      <c r="F245" s="200"/>
      <c r="G245" s="47"/>
      <c r="H245" s="121"/>
      <c r="I245" s="122"/>
    </row>
    <row r="246" spans="2:10" s="2" customFormat="1" ht="104.25" customHeight="1" x14ac:dyDescent="0.25">
      <c r="B246" s="46" t="s">
        <v>106</v>
      </c>
      <c r="C246" s="200" t="s">
        <v>356</v>
      </c>
      <c r="D246" s="200"/>
      <c r="E246" s="200"/>
      <c r="F246" s="200"/>
      <c r="G246" s="47"/>
      <c r="H246" s="121"/>
      <c r="I246" s="122"/>
    </row>
    <row r="247" spans="2:10" s="2" customFormat="1" ht="60" customHeight="1" x14ac:dyDescent="0.25">
      <c r="B247" s="46" t="s">
        <v>107</v>
      </c>
      <c r="C247" s="200" t="s">
        <v>148</v>
      </c>
      <c r="D247" s="200"/>
      <c r="E247" s="200"/>
      <c r="F247" s="200"/>
      <c r="G247" s="47"/>
      <c r="H247" s="121"/>
      <c r="I247" s="122"/>
    </row>
    <row r="248" spans="2:10" s="2" customFormat="1" ht="116.25" customHeight="1" x14ac:dyDescent="0.25">
      <c r="B248" s="46" t="s">
        <v>108</v>
      </c>
      <c r="C248" s="200" t="s">
        <v>403</v>
      </c>
      <c r="D248" s="200"/>
      <c r="E248" s="200"/>
      <c r="F248" s="200"/>
      <c r="G248" s="47"/>
      <c r="H248" s="121"/>
      <c r="I248" s="122"/>
    </row>
    <row r="249" spans="2:10" s="2" customFormat="1" ht="96" customHeight="1" x14ac:dyDescent="0.25">
      <c r="B249" s="46" t="s">
        <v>151</v>
      </c>
      <c r="C249" s="200" t="s">
        <v>149</v>
      </c>
      <c r="D249" s="200"/>
      <c r="E249" s="200"/>
      <c r="F249" s="200"/>
      <c r="G249" s="47"/>
      <c r="H249" s="121"/>
      <c r="I249" s="122"/>
    </row>
    <row r="250" spans="2:10" s="2" customFormat="1" ht="92.25" customHeight="1" x14ac:dyDescent="0.25">
      <c r="B250" s="46" t="s">
        <v>152</v>
      </c>
      <c r="C250" s="200" t="s">
        <v>150</v>
      </c>
      <c r="D250" s="200"/>
      <c r="E250" s="200"/>
      <c r="F250" s="200"/>
      <c r="G250" s="47"/>
      <c r="H250" s="121"/>
      <c r="I250" s="122"/>
    </row>
    <row r="251" spans="2:10" s="2" customFormat="1" ht="193.5" customHeight="1" x14ac:dyDescent="0.25">
      <c r="B251" s="46" t="s">
        <v>153</v>
      </c>
      <c r="C251" s="200" t="s">
        <v>357</v>
      </c>
      <c r="D251" s="200"/>
      <c r="E251" s="200"/>
      <c r="F251" s="200"/>
      <c r="G251" s="47"/>
      <c r="H251" s="121"/>
      <c r="I251" s="122"/>
    </row>
    <row r="252" spans="2:10" s="2" customFormat="1" ht="207.75" customHeight="1" x14ac:dyDescent="0.25">
      <c r="B252" s="46" t="s">
        <v>154</v>
      </c>
      <c r="C252" s="200" t="s">
        <v>358</v>
      </c>
      <c r="D252" s="200"/>
      <c r="E252" s="200"/>
      <c r="F252" s="200"/>
      <c r="G252" s="47"/>
      <c r="H252" s="121"/>
      <c r="I252" s="122"/>
    </row>
    <row r="253" spans="2:10" s="2" customFormat="1" ht="123.75" customHeight="1" x14ac:dyDescent="0.25">
      <c r="B253" s="46" t="s">
        <v>404</v>
      </c>
      <c r="C253" s="200" t="s">
        <v>359</v>
      </c>
      <c r="D253" s="200"/>
      <c r="E253" s="200"/>
      <c r="F253" s="200"/>
      <c r="G253" s="47"/>
      <c r="H253" s="121"/>
      <c r="I253" s="122"/>
    </row>
    <row r="254" spans="2:10" s="2" customFormat="1" ht="48.75" customHeight="1" thickBot="1" x14ac:dyDescent="0.3">
      <c r="B254" s="50" t="s">
        <v>405</v>
      </c>
      <c r="C254" s="202" t="s">
        <v>155</v>
      </c>
      <c r="D254" s="202"/>
      <c r="E254" s="202"/>
      <c r="F254" s="202"/>
      <c r="G254" s="48"/>
      <c r="H254" s="140"/>
      <c r="I254" s="141"/>
    </row>
    <row r="255" spans="2:10" s="3" customFormat="1" ht="5.0999999999999996" customHeight="1" x14ac:dyDescent="0.25">
      <c r="B255" s="5"/>
      <c r="C255" s="5"/>
      <c r="D255" s="5"/>
      <c r="E255" s="5"/>
      <c r="F255" s="5"/>
      <c r="G255" s="7"/>
      <c r="H255" s="7"/>
      <c r="I255" s="26"/>
      <c r="J255" s="2"/>
    </row>
    <row r="256" spans="2:10" s="2" customFormat="1" ht="20.100000000000001" customHeight="1" x14ac:dyDescent="0.25">
      <c r="B256" s="126" t="s">
        <v>54</v>
      </c>
      <c r="C256" s="126"/>
      <c r="D256" s="126"/>
      <c r="E256" s="126"/>
      <c r="F256" s="126"/>
      <c r="G256" s="126"/>
      <c r="H256" s="126"/>
      <c r="I256" s="126"/>
    </row>
    <row r="257" spans="2:10" s="2" customFormat="1" ht="4.5" customHeight="1" thickBot="1" x14ac:dyDescent="0.3"/>
    <row r="258" spans="2:10" s="2" customFormat="1" ht="80.25" customHeight="1" x14ac:dyDescent="0.25">
      <c r="B258" s="127" t="s">
        <v>55</v>
      </c>
      <c r="C258" s="128"/>
      <c r="D258" s="61"/>
      <c r="E258" s="61"/>
      <c r="F258" s="61"/>
      <c r="G258" s="131" t="s">
        <v>56</v>
      </c>
      <c r="H258" s="132"/>
      <c r="I258" s="133"/>
    </row>
    <row r="259" spans="2:10" s="3" customFormat="1" ht="29.25" customHeight="1" thickBot="1" x14ac:dyDescent="0.3">
      <c r="B259" s="129"/>
      <c r="C259" s="130"/>
      <c r="D259" s="62"/>
      <c r="E259" s="62"/>
      <c r="F259" s="62"/>
      <c r="G259" s="83" t="s">
        <v>7</v>
      </c>
      <c r="H259" s="134" t="s">
        <v>32</v>
      </c>
      <c r="I259" s="135"/>
      <c r="J259" s="2"/>
    </row>
    <row r="260" spans="2:10" s="3" customFormat="1" ht="27" customHeight="1" thickBot="1" x14ac:dyDescent="0.3">
      <c r="B260" s="144" t="s">
        <v>16</v>
      </c>
      <c r="C260" s="90" t="s">
        <v>69</v>
      </c>
      <c r="D260" s="91"/>
      <c r="E260" s="91"/>
      <c r="F260" s="85" t="s">
        <v>337</v>
      </c>
      <c r="G260" s="49"/>
      <c r="H260" s="145"/>
      <c r="I260" s="146"/>
      <c r="J260" s="2"/>
    </row>
    <row r="261" spans="2:10" s="3" customFormat="1" ht="27" customHeight="1" thickBot="1" x14ac:dyDescent="0.3">
      <c r="B261" s="144"/>
      <c r="C261" s="92"/>
      <c r="D261" s="93"/>
      <c r="E261" s="93"/>
      <c r="F261" s="43" t="s">
        <v>338</v>
      </c>
      <c r="G261" s="84"/>
      <c r="H261" s="121"/>
      <c r="I261" s="122"/>
      <c r="J261" s="2"/>
    </row>
    <row r="262" spans="2:10" s="3" customFormat="1" ht="27" customHeight="1" thickBot="1" x14ac:dyDescent="0.3">
      <c r="B262" s="144"/>
      <c r="C262" s="94"/>
      <c r="D262" s="95"/>
      <c r="E262" s="95"/>
      <c r="F262" s="86" t="s">
        <v>339</v>
      </c>
      <c r="G262" s="51"/>
      <c r="H262" s="140"/>
      <c r="I262" s="141"/>
      <c r="J262" s="2"/>
    </row>
    <row r="263" spans="2:10" s="3" customFormat="1" ht="27" customHeight="1" thickBot="1" x14ac:dyDescent="0.3">
      <c r="B263" s="144" t="s">
        <v>58</v>
      </c>
      <c r="C263" s="96" t="s">
        <v>57</v>
      </c>
      <c r="D263" s="97"/>
      <c r="E263" s="97"/>
      <c r="F263" s="85" t="s">
        <v>337</v>
      </c>
      <c r="G263" s="49"/>
      <c r="H263" s="145"/>
      <c r="I263" s="146"/>
      <c r="J263" s="2"/>
    </row>
    <row r="264" spans="2:10" s="3" customFormat="1" ht="27" customHeight="1" thickBot="1" x14ac:dyDescent="0.3">
      <c r="B264" s="144"/>
      <c r="C264" s="98"/>
      <c r="D264" s="99"/>
      <c r="E264" s="99"/>
      <c r="F264" s="43" t="s">
        <v>338</v>
      </c>
      <c r="G264" s="84"/>
      <c r="H264" s="121"/>
      <c r="I264" s="122"/>
      <c r="J264" s="2"/>
    </row>
    <row r="265" spans="2:10" s="3" customFormat="1" ht="30.75" customHeight="1" thickBot="1" x14ac:dyDescent="0.3">
      <c r="B265" s="144"/>
      <c r="C265" s="100"/>
      <c r="D265" s="101"/>
      <c r="E265" s="101"/>
      <c r="F265" s="86" t="s">
        <v>339</v>
      </c>
      <c r="G265" s="51"/>
      <c r="H265" s="140"/>
      <c r="I265" s="141"/>
      <c r="J265" s="2"/>
    </row>
    <row r="266" spans="2:10" s="2" customFormat="1" ht="5.0999999999999996" customHeight="1" x14ac:dyDescent="0.25">
      <c r="B266" s="5"/>
      <c r="C266" s="5"/>
      <c r="D266" s="5"/>
      <c r="E266" s="5"/>
      <c r="F266" s="5"/>
      <c r="G266" s="7"/>
      <c r="H266" s="7"/>
      <c r="I266" s="26"/>
    </row>
    <row r="267" spans="2:10" s="2" customFormat="1" ht="20.100000000000001" customHeight="1" x14ac:dyDescent="0.25">
      <c r="B267" s="126" t="s">
        <v>15</v>
      </c>
      <c r="C267" s="126"/>
      <c r="D267" s="126"/>
      <c r="E267" s="126"/>
      <c r="F267" s="126"/>
      <c r="G267" s="126"/>
      <c r="H267" s="126"/>
      <c r="I267" s="126"/>
    </row>
    <row r="268" spans="2:10" s="3" customFormat="1" ht="30" customHeight="1" x14ac:dyDescent="0.25">
      <c r="B268" s="5" t="s">
        <v>17</v>
      </c>
      <c r="C268" s="161" t="s">
        <v>88</v>
      </c>
      <c r="D268" s="161"/>
      <c r="E268" s="161"/>
      <c r="F268" s="161"/>
      <c r="G268" s="161"/>
      <c r="H268" s="161"/>
      <c r="I268" s="161"/>
      <c r="J268" s="2"/>
    </row>
    <row r="269" spans="2:10" s="28" customFormat="1" ht="30" customHeight="1" x14ac:dyDescent="0.25">
      <c r="B269" s="5" t="s">
        <v>33</v>
      </c>
      <c r="C269" s="161" t="s">
        <v>34</v>
      </c>
      <c r="D269" s="161"/>
      <c r="E269" s="161"/>
      <c r="F269" s="161"/>
      <c r="G269" s="161"/>
      <c r="H269" s="161"/>
      <c r="I269" s="161"/>
      <c r="J269" s="2"/>
    </row>
    <row r="270" spans="2:10" s="28" customFormat="1" ht="30" customHeight="1" x14ac:dyDescent="0.25">
      <c r="B270" s="162" t="s">
        <v>35</v>
      </c>
      <c r="C270" s="162"/>
      <c r="D270" s="162"/>
      <c r="E270" s="162"/>
      <c r="F270" s="162"/>
      <c r="G270" s="162"/>
      <c r="H270" s="162"/>
      <c r="I270" s="3"/>
      <c r="J270" s="2"/>
    </row>
    <row r="271" spans="2:10" s="2" customFormat="1" ht="24.95" customHeight="1" x14ac:dyDescent="0.25">
      <c r="B271" s="27" t="s">
        <v>36</v>
      </c>
      <c r="C271" s="159"/>
      <c r="D271" s="159"/>
      <c r="E271" s="159"/>
      <c r="F271" s="159"/>
      <c r="G271" s="159"/>
      <c r="I271" s="28"/>
    </row>
    <row r="272" spans="2:10" s="2" customFormat="1" ht="24.95" customHeight="1" x14ac:dyDescent="0.25">
      <c r="B272" s="27" t="s">
        <v>37</v>
      </c>
      <c r="C272" s="159"/>
      <c r="D272" s="159"/>
      <c r="E272" s="159"/>
      <c r="F272" s="159"/>
      <c r="G272" s="159"/>
      <c r="I272" s="28"/>
    </row>
    <row r="273" spans="2:10" s="2" customFormat="1" ht="24.95" customHeight="1" x14ac:dyDescent="0.25">
      <c r="B273" s="27" t="s">
        <v>38</v>
      </c>
      <c r="C273" s="159"/>
      <c r="D273" s="159"/>
      <c r="E273" s="159"/>
      <c r="F273" s="159"/>
      <c r="G273" s="159"/>
      <c r="I273" s="28"/>
    </row>
    <row r="274" spans="2:10" s="3" customFormat="1" ht="24.95" customHeight="1" x14ac:dyDescent="0.25">
      <c r="B274" s="27" t="s">
        <v>39</v>
      </c>
      <c r="C274" s="159"/>
      <c r="D274" s="159"/>
      <c r="E274" s="159"/>
      <c r="F274" s="159"/>
      <c r="G274" s="159"/>
      <c r="H274" s="2"/>
      <c r="I274" s="29"/>
      <c r="J274" s="2"/>
    </row>
    <row r="275" spans="2:10" s="2" customFormat="1" ht="14.25" customHeight="1" x14ac:dyDescent="0.2">
      <c r="B275" s="11"/>
      <c r="C275" s="12"/>
      <c r="D275" s="12"/>
      <c r="E275" s="12"/>
      <c r="F275" s="12"/>
      <c r="G275" s="12"/>
      <c r="I275" s="30"/>
    </row>
    <row r="276" spans="2:10" s="3" customFormat="1" ht="15" customHeight="1" x14ac:dyDescent="0.25">
      <c r="B276" s="163" t="s">
        <v>40</v>
      </c>
      <c r="C276" s="163"/>
      <c r="D276" s="163"/>
      <c r="E276" s="163"/>
      <c r="F276" s="163"/>
      <c r="G276" s="163"/>
      <c r="H276" s="163"/>
      <c r="I276" s="163"/>
    </row>
    <row r="277" spans="2:10" s="2" customFormat="1" ht="36.75" customHeight="1" x14ac:dyDescent="0.25">
      <c r="B277" s="160" t="s">
        <v>51</v>
      </c>
      <c r="C277" s="160"/>
      <c r="D277" s="160"/>
      <c r="E277" s="160"/>
      <c r="F277" s="160"/>
      <c r="G277" s="160"/>
      <c r="H277" s="160"/>
      <c r="I277" s="160"/>
    </row>
    <row r="278" spans="2:10" s="2" customFormat="1" ht="20.100000000000001" customHeight="1" x14ac:dyDescent="0.2">
      <c r="B278" s="1"/>
      <c r="C278" s="1"/>
      <c r="D278" s="1"/>
      <c r="E278" s="1"/>
      <c r="F278" s="1"/>
      <c r="G278" s="8"/>
      <c r="H278" s="8"/>
    </row>
    <row r="279" spans="2:10" s="3" customFormat="1" ht="4.5" customHeight="1" x14ac:dyDescent="0.2">
      <c r="B279" s="1"/>
      <c r="C279" s="1"/>
      <c r="D279" s="1"/>
      <c r="E279" s="1"/>
      <c r="F279" s="1"/>
      <c r="G279" s="8"/>
      <c r="H279" s="8"/>
      <c r="I279" s="2"/>
    </row>
    <row r="280" spans="2:10" s="3" customFormat="1" ht="20.100000000000001" customHeight="1" x14ac:dyDescent="0.25">
      <c r="B280" s="31" t="s">
        <v>41</v>
      </c>
      <c r="C280" s="32"/>
      <c r="D280" s="1"/>
      <c r="E280" s="1"/>
      <c r="F280" s="1"/>
      <c r="G280" s="33" t="s">
        <v>42</v>
      </c>
      <c r="H280" s="170"/>
      <c r="I280" s="170"/>
    </row>
    <row r="281" spans="2:10" s="3" customFormat="1" ht="20.100000000000001" customHeight="1" x14ac:dyDescent="0.25">
      <c r="B281" s="34"/>
      <c r="C281" s="34"/>
      <c r="D281" s="34"/>
      <c r="E281" s="34"/>
      <c r="F281" s="34"/>
      <c r="G281" s="34"/>
      <c r="H281" s="35"/>
      <c r="I281" s="35"/>
    </row>
    <row r="282" spans="2:10" ht="20.100000000000001" customHeight="1" x14ac:dyDescent="0.2">
      <c r="B282" s="31" t="s">
        <v>43</v>
      </c>
      <c r="C282" s="32"/>
      <c r="D282" s="34"/>
      <c r="E282" s="34"/>
      <c r="F282" s="34"/>
      <c r="G282" s="36" t="s">
        <v>44</v>
      </c>
      <c r="H282" s="171"/>
      <c r="I282" s="171"/>
    </row>
    <row r="283" spans="2:10" s="2" customFormat="1" ht="20.100000000000001" customHeight="1" x14ac:dyDescent="0.2">
      <c r="B283" s="1"/>
      <c r="C283" s="1"/>
      <c r="D283" s="1"/>
      <c r="E283" s="1"/>
      <c r="F283" s="1"/>
      <c r="G283" s="36" t="s">
        <v>45</v>
      </c>
      <c r="H283" s="159"/>
      <c r="I283" s="159"/>
    </row>
    <row r="284" spans="2:10" s="2" customFormat="1" ht="20.100000000000001" customHeight="1" x14ac:dyDescent="0.2">
      <c r="B284" s="1"/>
      <c r="C284" s="1"/>
      <c r="D284" s="1"/>
      <c r="E284" s="1"/>
      <c r="F284" s="1"/>
      <c r="G284" s="37" t="s">
        <v>46</v>
      </c>
      <c r="H284" s="1"/>
    </row>
    <row r="285" spans="2:10" s="2" customFormat="1" ht="37.5" customHeight="1" x14ac:dyDescent="0.25"/>
    <row r="286" spans="2:10" s="2" customFormat="1" ht="24" customHeight="1" x14ac:dyDescent="0.25"/>
    <row r="287" spans="2:10" s="2" customFormat="1" ht="24" customHeight="1" x14ac:dyDescent="0.25"/>
    <row r="288" spans="2:10" s="2" customFormat="1" ht="24" customHeight="1" x14ac:dyDescent="0.25"/>
    <row r="289" spans="2:8" s="2" customFormat="1" ht="20.100000000000001" customHeight="1" x14ac:dyDescent="0.25"/>
    <row r="290" spans="2:8" s="2" customFormat="1" ht="20.100000000000001" customHeight="1" x14ac:dyDescent="0.25"/>
    <row r="291" spans="2:8" s="2" customFormat="1" ht="50.1" customHeight="1" x14ac:dyDescent="0.25"/>
    <row r="292" spans="2:8" s="2" customFormat="1" ht="43.5" customHeight="1" x14ac:dyDescent="0.25"/>
    <row r="293" spans="2:8" ht="24.75" customHeight="1" x14ac:dyDescent="0.2">
      <c r="B293" s="2"/>
      <c r="C293" s="2"/>
      <c r="D293" s="2"/>
      <c r="E293" s="2"/>
      <c r="F293" s="2"/>
      <c r="G293" s="2"/>
      <c r="H293" s="2"/>
    </row>
    <row r="294" spans="2:8" x14ac:dyDescent="0.2">
      <c r="B294" s="2"/>
      <c r="C294" s="2"/>
      <c r="D294" s="2"/>
      <c r="E294" s="2"/>
      <c r="F294" s="2"/>
      <c r="G294" s="2"/>
      <c r="H294" s="2"/>
    </row>
    <row r="295" spans="2:8" ht="20.100000000000001" customHeight="1" x14ac:dyDescent="0.2"/>
    <row r="296" spans="2:8" ht="4.5" customHeight="1" x14ac:dyDescent="0.2"/>
    <row r="297" spans="2:8" ht="20.100000000000001" customHeight="1" x14ac:dyDescent="0.2"/>
    <row r="298" spans="2:8" ht="20.100000000000001" customHeight="1" x14ac:dyDescent="0.2"/>
    <row r="299" spans="2:8" ht="20.100000000000001" customHeight="1" x14ac:dyDescent="0.2"/>
  </sheetData>
  <mergeCells count="451">
    <mergeCell ref="H230:I230"/>
    <mergeCell ref="H231:I231"/>
    <mergeCell ref="H232:I232"/>
    <mergeCell ref="H233:I233"/>
    <mergeCell ref="H234:I234"/>
    <mergeCell ref="H235:I235"/>
    <mergeCell ref="H236:I236"/>
    <mergeCell ref="H237:I237"/>
    <mergeCell ref="H238:I238"/>
    <mergeCell ref="H128:I128"/>
    <mergeCell ref="H129:I129"/>
    <mergeCell ref="H115:I115"/>
    <mergeCell ref="H116:I116"/>
    <mergeCell ref="H117:I117"/>
    <mergeCell ref="H118:I118"/>
    <mergeCell ref="H119:I119"/>
    <mergeCell ref="H120:I120"/>
    <mergeCell ref="H121:I121"/>
    <mergeCell ref="H122:I122"/>
    <mergeCell ref="H123:I123"/>
    <mergeCell ref="H110:I110"/>
    <mergeCell ref="H111:I111"/>
    <mergeCell ref="H112:I112"/>
    <mergeCell ref="H113:I113"/>
    <mergeCell ref="H114:I114"/>
    <mergeCell ref="H124:I124"/>
    <mergeCell ref="H125:I125"/>
    <mergeCell ref="H126:I126"/>
    <mergeCell ref="H127:I127"/>
    <mergeCell ref="H101:I101"/>
    <mergeCell ref="H102:I102"/>
    <mergeCell ref="H103:I103"/>
    <mergeCell ref="H104:I104"/>
    <mergeCell ref="H105:I105"/>
    <mergeCell ref="H106:I106"/>
    <mergeCell ref="H107:I107"/>
    <mergeCell ref="H108:I108"/>
    <mergeCell ref="H109:I109"/>
    <mergeCell ref="B42:F43"/>
    <mergeCell ref="H91:I91"/>
    <mergeCell ref="H92:I92"/>
    <mergeCell ref="C77:F77"/>
    <mergeCell ref="C78:F78"/>
    <mergeCell ref="C79:F79"/>
    <mergeCell ref="C80:F80"/>
    <mergeCell ref="C81:F81"/>
    <mergeCell ref="C82:F82"/>
    <mergeCell ref="C83:F83"/>
    <mergeCell ref="C84:F84"/>
    <mergeCell ref="C85:F85"/>
    <mergeCell ref="D67:F67"/>
    <mergeCell ref="C69:F69"/>
    <mergeCell ref="C70:F70"/>
    <mergeCell ref="C71:F71"/>
    <mergeCell ref="C72:F72"/>
    <mergeCell ref="C73:F73"/>
    <mergeCell ref="C52:F52"/>
    <mergeCell ref="C53:F53"/>
    <mergeCell ref="D57:F57"/>
    <mergeCell ref="D62:F62"/>
    <mergeCell ref="C86:F86"/>
    <mergeCell ref="C87:F87"/>
    <mergeCell ref="C74:F74"/>
    <mergeCell ref="C75:F75"/>
    <mergeCell ref="C88:F88"/>
    <mergeCell ref="C89:F89"/>
    <mergeCell ref="G44:I44"/>
    <mergeCell ref="H245:I245"/>
    <mergeCell ref="H246:I246"/>
    <mergeCell ref="H196:I196"/>
    <mergeCell ref="H197:I197"/>
    <mergeCell ref="H198:I198"/>
    <mergeCell ref="H199:I199"/>
    <mergeCell ref="H200:I200"/>
    <mergeCell ref="H225:I225"/>
    <mergeCell ref="H226:I226"/>
    <mergeCell ref="H241:I241"/>
    <mergeCell ref="H242:I242"/>
    <mergeCell ref="H243:I243"/>
    <mergeCell ref="H244:I244"/>
    <mergeCell ref="H227:I227"/>
    <mergeCell ref="H228:I228"/>
    <mergeCell ref="H229:I229"/>
    <mergeCell ref="H239:I239"/>
    <mergeCell ref="H240:I240"/>
    <mergeCell ref="H222:I222"/>
    <mergeCell ref="H53:I53"/>
    <mergeCell ref="H48:I48"/>
    <mergeCell ref="H219:I219"/>
    <mergeCell ref="H220:I220"/>
    <mergeCell ref="H221:I221"/>
    <mergeCell ref="H76:I76"/>
    <mergeCell ref="B158:I158"/>
    <mergeCell ref="B3:I3"/>
    <mergeCell ref="B7:I7"/>
    <mergeCell ref="B8:I8"/>
    <mergeCell ref="B9:I9"/>
    <mergeCell ref="B11:I11"/>
    <mergeCell ref="B14:G14"/>
    <mergeCell ref="B12:G12"/>
    <mergeCell ref="B15:G15"/>
    <mergeCell ref="C31:G31"/>
    <mergeCell ref="B25:I25"/>
    <mergeCell ref="C30:G30"/>
    <mergeCell ref="B16:G16"/>
    <mergeCell ref="C4:F4"/>
    <mergeCell ref="C5:F5"/>
    <mergeCell ref="C32:G32"/>
    <mergeCell ref="C33:G33"/>
    <mergeCell ref="B44:C44"/>
    <mergeCell ref="H60:I60"/>
    <mergeCell ref="H61:I61"/>
    <mergeCell ref="H75:I75"/>
    <mergeCell ref="H56:I56"/>
    <mergeCell ref="H62:I62"/>
    <mergeCell ref="H67:I67"/>
    <mergeCell ref="H63:I63"/>
    <mergeCell ref="H64:I64"/>
    <mergeCell ref="H65:I65"/>
    <mergeCell ref="H70:I70"/>
    <mergeCell ref="H71:I71"/>
    <mergeCell ref="H72:I72"/>
    <mergeCell ref="H73:I73"/>
    <mergeCell ref="H74:I74"/>
    <mergeCell ref="G42:I42"/>
    <mergeCell ref="H43:I43"/>
    <mergeCell ref="H57:I57"/>
    <mergeCell ref="H49:I49"/>
    <mergeCell ref="H51:I51"/>
    <mergeCell ref="H66:I66"/>
    <mergeCell ref="H68:I68"/>
    <mergeCell ref="H280:I280"/>
    <mergeCell ref="H282:I282"/>
    <mergeCell ref="H265:I265"/>
    <mergeCell ref="B256:I256"/>
    <mergeCell ref="B258:C259"/>
    <mergeCell ref="G258:I258"/>
    <mergeCell ref="H259:I259"/>
    <mergeCell ref="H260:I260"/>
    <mergeCell ref="B260:B262"/>
    <mergeCell ref="C76:F76"/>
    <mergeCell ref="C47:F47"/>
    <mergeCell ref="C48:F48"/>
    <mergeCell ref="H69:I69"/>
    <mergeCell ref="H54:I54"/>
    <mergeCell ref="H55:I55"/>
    <mergeCell ref="H58:I58"/>
    <mergeCell ref="H59:I59"/>
    <mergeCell ref="H283:I283"/>
    <mergeCell ref="B277:I277"/>
    <mergeCell ref="B267:I267"/>
    <mergeCell ref="C268:I268"/>
    <mergeCell ref="C269:I269"/>
    <mergeCell ref="B270:H270"/>
    <mergeCell ref="B276:I276"/>
    <mergeCell ref="C271:G271"/>
    <mergeCell ref="C272:G272"/>
    <mergeCell ref="C273:G273"/>
    <mergeCell ref="C274:G274"/>
    <mergeCell ref="B2:I2"/>
    <mergeCell ref="B1:I1"/>
    <mergeCell ref="B26:C26"/>
    <mergeCell ref="B29:C29"/>
    <mergeCell ref="H52:I52"/>
    <mergeCell ref="B24:I24"/>
    <mergeCell ref="B19:G19"/>
    <mergeCell ref="B20:G20"/>
    <mergeCell ref="B21:I21"/>
    <mergeCell ref="B23:G23"/>
    <mergeCell ref="H50:I50"/>
    <mergeCell ref="H46:I46"/>
    <mergeCell ref="H45:I45"/>
    <mergeCell ref="C34:G34"/>
    <mergeCell ref="B40:I40"/>
    <mergeCell ref="H47:I47"/>
    <mergeCell ref="B22:I22"/>
    <mergeCell ref="B36:C36"/>
    <mergeCell ref="C45:F45"/>
    <mergeCell ref="C46:F46"/>
    <mergeCell ref="B13:G13"/>
    <mergeCell ref="C49:F49"/>
    <mergeCell ref="C50:F50"/>
    <mergeCell ref="C51:F51"/>
    <mergeCell ref="B263:B265"/>
    <mergeCell ref="H261:I261"/>
    <mergeCell ref="H262:I262"/>
    <mergeCell ref="H263:I263"/>
    <mergeCell ref="H264:I264"/>
    <mergeCell ref="H86:I86"/>
    <mergeCell ref="H87:I87"/>
    <mergeCell ref="H88:I88"/>
    <mergeCell ref="H89:I89"/>
    <mergeCell ref="H130:I130"/>
    <mergeCell ref="H131:I131"/>
    <mergeCell ref="H166:I166"/>
    <mergeCell ref="H167:I167"/>
    <mergeCell ref="H178:I178"/>
    <mergeCell ref="H172:I172"/>
    <mergeCell ref="H162:I162"/>
    <mergeCell ref="H163:I163"/>
    <mergeCell ref="H247:I247"/>
    <mergeCell ref="H248:I248"/>
    <mergeCell ref="H249:I249"/>
    <mergeCell ref="H250:I250"/>
    <mergeCell ref="H223:I223"/>
    <mergeCell ref="H224:I224"/>
    <mergeCell ref="H99:I99"/>
    <mergeCell ref="H251:I251"/>
    <mergeCell ref="H252:I252"/>
    <mergeCell ref="H253:I253"/>
    <mergeCell ref="H254:I254"/>
    <mergeCell ref="H77:I77"/>
    <mergeCell ref="H78:I78"/>
    <mergeCell ref="H79:I79"/>
    <mergeCell ref="H80:I80"/>
    <mergeCell ref="H81:I81"/>
    <mergeCell ref="H82:I82"/>
    <mergeCell ref="H83:I83"/>
    <mergeCell ref="H84:I84"/>
    <mergeCell ref="H85:I85"/>
    <mergeCell ref="H132:I132"/>
    <mergeCell ref="H133:I133"/>
    <mergeCell ref="H134:I134"/>
    <mergeCell ref="H179:I179"/>
    <mergeCell ref="H188:I188"/>
    <mergeCell ref="H189:I189"/>
    <mergeCell ref="H190:I190"/>
    <mergeCell ref="H191:I191"/>
    <mergeCell ref="H192:I192"/>
    <mergeCell ref="H160:I160"/>
    <mergeCell ref="H100:I100"/>
    <mergeCell ref="H161:I161"/>
    <mergeCell ref="H135:I135"/>
    <mergeCell ref="H136:I136"/>
    <mergeCell ref="H137:I137"/>
    <mergeCell ref="H138:I138"/>
    <mergeCell ref="H164:I164"/>
    <mergeCell ref="H165:I165"/>
    <mergeCell ref="H169:I169"/>
    <mergeCell ref="H170:I170"/>
    <mergeCell ref="H159:I159"/>
    <mergeCell ref="H171:I171"/>
    <mergeCell ref="H181:I181"/>
    <mergeCell ref="H182:I182"/>
    <mergeCell ref="H183:I183"/>
    <mergeCell ref="H184:I184"/>
    <mergeCell ref="H193:I193"/>
    <mergeCell ref="H194:I194"/>
    <mergeCell ref="H195:I195"/>
    <mergeCell ref="H168:I168"/>
    <mergeCell ref="H180:I180"/>
    <mergeCell ref="B174:I174"/>
    <mergeCell ref="B176:C177"/>
    <mergeCell ref="G176:I176"/>
    <mergeCell ref="H177:I177"/>
    <mergeCell ref="C194:F194"/>
    <mergeCell ref="C195:F195"/>
    <mergeCell ref="C196:F196"/>
    <mergeCell ref="C197:F197"/>
    <mergeCell ref="C192:F192"/>
    <mergeCell ref="C193:F193"/>
    <mergeCell ref="H210:I210"/>
    <mergeCell ref="H211:I211"/>
    <mergeCell ref="H212:I212"/>
    <mergeCell ref="H213:I213"/>
    <mergeCell ref="H185:I185"/>
    <mergeCell ref="H186:I186"/>
    <mergeCell ref="H187:I187"/>
    <mergeCell ref="C198:F198"/>
    <mergeCell ref="C199:F199"/>
    <mergeCell ref="C200:F200"/>
    <mergeCell ref="C201:F201"/>
    <mergeCell ref="C202:F202"/>
    <mergeCell ref="C203:F203"/>
    <mergeCell ref="C204:F204"/>
    <mergeCell ref="C205:F205"/>
    <mergeCell ref="C183:F183"/>
    <mergeCell ref="C184:F184"/>
    <mergeCell ref="C185:F185"/>
    <mergeCell ref="C186:F186"/>
    <mergeCell ref="C187:F187"/>
    <mergeCell ref="C188:F188"/>
    <mergeCell ref="C189:F189"/>
    <mergeCell ref="C190:F190"/>
    <mergeCell ref="C191:F191"/>
    <mergeCell ref="H217:I217"/>
    <mergeCell ref="H218:I218"/>
    <mergeCell ref="H201:I201"/>
    <mergeCell ref="H202:I202"/>
    <mergeCell ref="H203:I203"/>
    <mergeCell ref="H204:I204"/>
    <mergeCell ref="H205:I205"/>
    <mergeCell ref="H206:I206"/>
    <mergeCell ref="H207:I207"/>
    <mergeCell ref="H208:I208"/>
    <mergeCell ref="H209:I209"/>
    <mergeCell ref="H214:I214"/>
    <mergeCell ref="H215:I215"/>
    <mergeCell ref="H216:I216"/>
    <mergeCell ref="B90:C90"/>
    <mergeCell ref="G90:I90"/>
    <mergeCell ref="C91:F91"/>
    <mergeCell ref="C92:F92"/>
    <mergeCell ref="C93:F93"/>
    <mergeCell ref="C94:F94"/>
    <mergeCell ref="D96:F96"/>
    <mergeCell ref="D97:F97"/>
    <mergeCell ref="D98:F98"/>
    <mergeCell ref="H93:I93"/>
    <mergeCell ref="H94:I94"/>
    <mergeCell ref="C118:F118"/>
    <mergeCell ref="C119:F119"/>
    <mergeCell ref="C120:F120"/>
    <mergeCell ref="C121:F121"/>
    <mergeCell ref="C122:F122"/>
    <mergeCell ref="D100:F100"/>
    <mergeCell ref="D102:F102"/>
    <mergeCell ref="D105:F105"/>
    <mergeCell ref="D108:F108"/>
    <mergeCell ref="C109:F109"/>
    <mergeCell ref="C110:F110"/>
    <mergeCell ref="C111:F111"/>
    <mergeCell ref="C112:F112"/>
    <mergeCell ref="C113:F113"/>
    <mergeCell ref="C132:F132"/>
    <mergeCell ref="C133:F133"/>
    <mergeCell ref="C134:F134"/>
    <mergeCell ref="C135:F135"/>
    <mergeCell ref="C136:F136"/>
    <mergeCell ref="C137:F137"/>
    <mergeCell ref="C138:F138"/>
    <mergeCell ref="H95:I95"/>
    <mergeCell ref="H96:I96"/>
    <mergeCell ref="H97:I97"/>
    <mergeCell ref="H98:I98"/>
    <mergeCell ref="C123:F123"/>
    <mergeCell ref="C124:F124"/>
    <mergeCell ref="C125:F125"/>
    <mergeCell ref="C126:F126"/>
    <mergeCell ref="C127:F127"/>
    <mergeCell ref="C128:F128"/>
    <mergeCell ref="C129:F129"/>
    <mergeCell ref="C130:F130"/>
    <mergeCell ref="C131:F131"/>
    <mergeCell ref="C114:F114"/>
    <mergeCell ref="C115:F115"/>
    <mergeCell ref="C116:F116"/>
    <mergeCell ref="C117:F117"/>
    <mergeCell ref="B139:C139"/>
    <mergeCell ref="G139:I139"/>
    <mergeCell ref="C140:F140"/>
    <mergeCell ref="C141:F141"/>
    <mergeCell ref="C147:F147"/>
    <mergeCell ref="C148:F148"/>
    <mergeCell ref="C149:F149"/>
    <mergeCell ref="C150:F150"/>
    <mergeCell ref="C151:F151"/>
    <mergeCell ref="C152:F152"/>
    <mergeCell ref="C153:F153"/>
    <mergeCell ref="C154:F154"/>
    <mergeCell ref="C155:F155"/>
    <mergeCell ref="C156:F156"/>
    <mergeCell ref="C157:F157"/>
    <mergeCell ref="H140:I140"/>
    <mergeCell ref="H141:I141"/>
    <mergeCell ref="H142:I142"/>
    <mergeCell ref="H143:I143"/>
    <mergeCell ref="H144:I144"/>
    <mergeCell ref="H145:I145"/>
    <mergeCell ref="H146:I146"/>
    <mergeCell ref="H147:I147"/>
    <mergeCell ref="H148:I148"/>
    <mergeCell ref="H149:I149"/>
    <mergeCell ref="H150:I150"/>
    <mergeCell ref="H151:I151"/>
    <mergeCell ref="H152:I152"/>
    <mergeCell ref="H153:I153"/>
    <mergeCell ref="H154:I154"/>
    <mergeCell ref="H155:I155"/>
    <mergeCell ref="H156:I156"/>
    <mergeCell ref="H157:I157"/>
    <mergeCell ref="C159:F159"/>
    <mergeCell ref="C160:F160"/>
    <mergeCell ref="C161:F161"/>
    <mergeCell ref="C162:F162"/>
    <mergeCell ref="C163:F163"/>
    <mergeCell ref="C164:F164"/>
    <mergeCell ref="C165:F165"/>
    <mergeCell ref="C166:F166"/>
    <mergeCell ref="C182:F182"/>
    <mergeCell ref="C167:F167"/>
    <mergeCell ref="C168:F168"/>
    <mergeCell ref="C169:F169"/>
    <mergeCell ref="C170:F170"/>
    <mergeCell ref="C171:F171"/>
    <mergeCell ref="C172:F172"/>
    <mergeCell ref="C178:F178"/>
    <mergeCell ref="C179:F179"/>
    <mergeCell ref="C180:F180"/>
    <mergeCell ref="C181:F181"/>
    <mergeCell ref="C206:F206"/>
    <mergeCell ref="C207:F207"/>
    <mergeCell ref="C208:F208"/>
    <mergeCell ref="C209:F209"/>
    <mergeCell ref="C210:F210"/>
    <mergeCell ref="C211:F211"/>
    <mergeCell ref="C212:F212"/>
    <mergeCell ref="C213:F213"/>
    <mergeCell ref="C214:F214"/>
    <mergeCell ref="C215:F215"/>
    <mergeCell ref="C216:F216"/>
    <mergeCell ref="C217:F217"/>
    <mergeCell ref="C218:F218"/>
    <mergeCell ref="C219:F219"/>
    <mergeCell ref="C220:F220"/>
    <mergeCell ref="C221:F221"/>
    <mergeCell ref="C222:F222"/>
    <mergeCell ref="C223:F223"/>
    <mergeCell ref="C224:F224"/>
    <mergeCell ref="C225:F225"/>
    <mergeCell ref="C226:F226"/>
    <mergeCell ref="C227:F227"/>
    <mergeCell ref="C228:F228"/>
    <mergeCell ref="C229:F229"/>
    <mergeCell ref="C239:F239"/>
    <mergeCell ref="C240:F240"/>
    <mergeCell ref="C241:F241"/>
    <mergeCell ref="C230:F230"/>
    <mergeCell ref="C231:F231"/>
    <mergeCell ref="C232:F232"/>
    <mergeCell ref="C233:F233"/>
    <mergeCell ref="C234:F234"/>
    <mergeCell ref="C235:F235"/>
    <mergeCell ref="C236:F236"/>
    <mergeCell ref="C237:F237"/>
    <mergeCell ref="C238:F238"/>
    <mergeCell ref="C251:F251"/>
    <mergeCell ref="C252:F252"/>
    <mergeCell ref="C253:F253"/>
    <mergeCell ref="C260:E262"/>
    <mergeCell ref="C263:E265"/>
    <mergeCell ref="C254:F254"/>
    <mergeCell ref="C242:F242"/>
    <mergeCell ref="C243:F243"/>
    <mergeCell ref="C244:F244"/>
    <mergeCell ref="C245:F245"/>
    <mergeCell ref="C246:F246"/>
    <mergeCell ref="C247:F247"/>
    <mergeCell ref="C248:F248"/>
    <mergeCell ref="C249:F249"/>
    <mergeCell ref="C250:F250"/>
  </mergeCells>
  <conditionalFormatting sqref="G187:G189 G191:G254 G54:G55 G57:G60 G65 G62 G68:G69 G78:G81 G84 G86:G89 G71 G91:G138 G140:G157 G159:G172 G260:G264">
    <cfRule type="containsBlanks" dxfId="33" priority="103">
      <formula>LEN(TRIM(G54))=0</formula>
    </cfRule>
  </conditionalFormatting>
  <conditionalFormatting sqref="H282:I282">
    <cfRule type="containsBlanks" dxfId="32" priority="102">
      <formula>LEN(TRIM(H282))=0</formula>
    </cfRule>
  </conditionalFormatting>
  <conditionalFormatting sqref="C280">
    <cfRule type="containsBlanks" dxfId="31" priority="100">
      <formula>LEN(TRIM(C280))=0</formula>
    </cfRule>
  </conditionalFormatting>
  <conditionalFormatting sqref="H283:I283">
    <cfRule type="containsBlanks" dxfId="30" priority="101">
      <formula>LEN(TRIM(H283))=0</formula>
    </cfRule>
  </conditionalFormatting>
  <conditionalFormatting sqref="C282">
    <cfRule type="containsBlanks" dxfId="29" priority="99">
      <formula>LEN(TRIM(C282))=0</formula>
    </cfRule>
  </conditionalFormatting>
  <conditionalFormatting sqref="C4:F4">
    <cfRule type="containsBlanks" dxfId="28" priority="98">
      <formula>LEN(TRIM(C4))=0</formula>
    </cfRule>
  </conditionalFormatting>
  <conditionalFormatting sqref="G45">
    <cfRule type="containsBlanks" dxfId="27" priority="97">
      <formula>LEN(TRIM(G45))=0</formula>
    </cfRule>
  </conditionalFormatting>
  <conditionalFormatting sqref="C273:G273">
    <cfRule type="containsBlanks" dxfId="26" priority="88">
      <formula>LEN(TRIM(C273))=0</formula>
    </cfRule>
  </conditionalFormatting>
  <conditionalFormatting sqref="G46">
    <cfRule type="containsBlanks" dxfId="25" priority="70">
      <formula>LEN(TRIM(G46))=0</formula>
    </cfRule>
  </conditionalFormatting>
  <conditionalFormatting sqref="C272:G272">
    <cfRule type="containsBlanks" dxfId="24" priority="39">
      <formula>LEN(TRIM(C272))=0</formula>
    </cfRule>
  </conditionalFormatting>
  <conditionalFormatting sqref="C271:G271">
    <cfRule type="containsBlanks" dxfId="23" priority="38">
      <formula>LEN(TRIM(C271))=0</formula>
    </cfRule>
  </conditionalFormatting>
  <conditionalFormatting sqref="C274:G274">
    <cfRule type="containsBlanks" dxfId="22" priority="37">
      <formula>LEN(TRIM(C274))=0</formula>
    </cfRule>
  </conditionalFormatting>
  <conditionalFormatting sqref="G178:G186">
    <cfRule type="containsBlanks" dxfId="21" priority="32">
      <formula>LEN(TRIM(G178))=0</formula>
    </cfRule>
  </conditionalFormatting>
  <conditionalFormatting sqref="G265">
    <cfRule type="containsBlanks" dxfId="20" priority="30">
      <formula>LEN(TRIM(G265))=0</formula>
    </cfRule>
  </conditionalFormatting>
  <conditionalFormatting sqref="G190">
    <cfRule type="containsBlanks" dxfId="19" priority="29">
      <formula>LEN(TRIM(G190))=0</formula>
    </cfRule>
  </conditionalFormatting>
  <conditionalFormatting sqref="G48">
    <cfRule type="containsBlanks" dxfId="18" priority="24">
      <formula>LEN(TRIM(G48))=0</formula>
    </cfRule>
  </conditionalFormatting>
  <conditionalFormatting sqref="G61">
    <cfRule type="containsBlanks" dxfId="17" priority="19">
      <formula>LEN(TRIM(G61))=0</formula>
    </cfRule>
  </conditionalFormatting>
  <conditionalFormatting sqref="G53">
    <cfRule type="containsBlanks" dxfId="16" priority="22">
      <formula>LEN(TRIM(G53))=0</formula>
    </cfRule>
  </conditionalFormatting>
  <conditionalFormatting sqref="G56">
    <cfRule type="containsBlanks" dxfId="15" priority="21">
      <formula>LEN(TRIM(G56))=0</formula>
    </cfRule>
  </conditionalFormatting>
  <conditionalFormatting sqref="G63">
    <cfRule type="containsBlanks" dxfId="14" priority="20">
      <formula>LEN(TRIM(G63))=0</formula>
    </cfRule>
  </conditionalFormatting>
  <conditionalFormatting sqref="G77">
    <cfRule type="containsBlanks" dxfId="13" priority="15">
      <formula>LEN(TRIM(G77))=0</formula>
    </cfRule>
  </conditionalFormatting>
  <conditionalFormatting sqref="G66">
    <cfRule type="containsBlanks" dxfId="12" priority="17">
      <formula>LEN(TRIM(G66))=0</formula>
    </cfRule>
  </conditionalFormatting>
  <conditionalFormatting sqref="G67">
    <cfRule type="containsBlanks" dxfId="11" priority="16">
      <formula>LEN(TRIM(G67))=0</formula>
    </cfRule>
  </conditionalFormatting>
  <conditionalFormatting sqref="G85">
    <cfRule type="containsBlanks" dxfId="10" priority="12">
      <formula>LEN(TRIM(G85))=0</formula>
    </cfRule>
  </conditionalFormatting>
  <conditionalFormatting sqref="G47">
    <cfRule type="containsBlanks" dxfId="9" priority="11">
      <formula>LEN(TRIM(G47))=0</formula>
    </cfRule>
  </conditionalFormatting>
  <conditionalFormatting sqref="G49">
    <cfRule type="containsBlanks" dxfId="8" priority="10">
      <formula>LEN(TRIM(G49))=0</formula>
    </cfRule>
  </conditionalFormatting>
  <conditionalFormatting sqref="G52">
    <cfRule type="containsBlanks" dxfId="7" priority="9">
      <formula>LEN(TRIM(G52))=0</formula>
    </cfRule>
  </conditionalFormatting>
  <conditionalFormatting sqref="G70">
    <cfRule type="containsBlanks" dxfId="6" priority="8">
      <formula>LEN(TRIM(G70))=0</formula>
    </cfRule>
  </conditionalFormatting>
  <conditionalFormatting sqref="G72:G76">
    <cfRule type="containsBlanks" dxfId="5" priority="7">
      <formula>LEN(TRIM(G72))=0</formula>
    </cfRule>
  </conditionalFormatting>
  <conditionalFormatting sqref="G64">
    <cfRule type="containsBlanks" dxfId="4" priority="5">
      <formula>LEN(TRIM(G64))=0</formula>
    </cfRule>
  </conditionalFormatting>
  <conditionalFormatting sqref="G82">
    <cfRule type="containsBlanks" dxfId="3" priority="4">
      <formula>LEN(TRIM(G82))=0</formula>
    </cfRule>
  </conditionalFormatting>
  <conditionalFormatting sqref="G83">
    <cfRule type="containsBlanks" dxfId="2" priority="3">
      <formula>LEN(TRIM(G83))=0</formula>
    </cfRule>
  </conditionalFormatting>
  <conditionalFormatting sqref="C5:F5">
    <cfRule type="containsBlanks" dxfId="1" priority="2">
      <formula>LEN(TRIM(C5))=0</formula>
    </cfRule>
  </conditionalFormatting>
  <conditionalFormatting sqref="G50:G51">
    <cfRule type="containsBlanks" dxfId="0" priority="1">
      <formula>LEN(TRIM(G50))=0</formula>
    </cfRule>
  </conditionalFormatting>
  <printOptions horizontalCentered="1"/>
  <pageMargins left="0.70866141732283472" right="0.70866141732283472" top="0.9055118110236221" bottom="0.74803149606299213" header="0.31496062992125984" footer="0.31496062992125984"/>
  <pageSetup paperSize="9" scale="58"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6" manualBreakCount="6">
    <brk id="51" min="1" max="8" man="1"/>
    <brk id="94" min="1" max="8" man="1"/>
    <brk id="138" min="1" max="8" man="1"/>
    <brk id="181" min="1" max="8" man="1"/>
    <brk id="193" min="1" max="8" man="1"/>
    <brk id="232" min="1"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11-10T12:30:40Z</cp:lastPrinted>
  <dcterms:created xsi:type="dcterms:W3CDTF">2017-04-21T05:51:15Z</dcterms:created>
  <dcterms:modified xsi:type="dcterms:W3CDTF">2023-11-10T12:30:48Z</dcterms:modified>
</cp:coreProperties>
</file>